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2"/>
  </p:sldMasterIdLst>
  <p:notesMasterIdLst>
    <p:notesMasterId r:id="rId31"/>
  </p:notesMasterIdLst>
  <p:handoutMasterIdLst>
    <p:handoutMasterId r:id="rId32"/>
  </p:handoutMasterIdLst>
  <p:sldIdLst>
    <p:sldId id="271" r:id="rId23"/>
    <p:sldId id="270" r:id="rId24"/>
    <p:sldId id="273" r:id="rId25"/>
    <p:sldId id="276" r:id="rId26"/>
    <p:sldId id="275" r:id="rId27"/>
    <p:sldId id="272" r:id="rId28"/>
    <p:sldId id="274" r:id="rId29"/>
    <p:sldId id="261" r:id="rId30"/>
  </p:sldIdLst>
  <p:sldSz cx="12192000" cy="6858000"/>
  <p:notesSz cx="6858000" cy="9144000"/>
  <p:embeddedFontLst>
    <p:embeddedFont>
      <p:font typeface="Ericsson Hilda" pitchFamily="2" charset="0"/>
      <p:regular r:id="rId33"/>
      <p:bold r:id="rId34"/>
      <p:italic r:id="rId35"/>
      <p:boldItalic r:id="rId36"/>
    </p:embeddedFont>
    <p:embeddedFont>
      <p:font typeface="Ericsson Hilda ExtraBold" pitchFamily="2" charset="0"/>
      <p:bold r:id="rId37"/>
    </p:embeddedFont>
    <p:embeddedFont>
      <p:font typeface="Ericsson Hilda ExtraLight" pitchFamily="2" charset="0"/>
      <p:regular r:id="rId38"/>
    </p:embeddedFont>
    <p:embeddedFont>
      <p:font typeface="Ericsson Hilda Light" pitchFamily="2" charset="0"/>
      <p:regular r:id="rId39"/>
      <p:italic r:id="rId40"/>
    </p:embeddedFont>
    <p:embeddedFont>
      <p:font typeface="Ericsson Technical Icons" pitchFamily="2" charset="0"/>
      <p:regular r:id="rId41"/>
      <p:bold r:id="rId42"/>
      <p:italic r:id="rId43"/>
      <p:boldItalic r:id="rId44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CCFF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2AB6DB9-F97A-D544-94DE-881F7BDA3FE3}" v="43" dt="2025-05-20T13:18:52.85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3660" autoAdjust="0"/>
    <p:restoredTop sz="94132" autoAdjust="0"/>
  </p:normalViewPr>
  <p:slideViewPr>
    <p:cSldViewPr snapToGrid="0" snapToObjects="1" showGuides="1">
      <p:cViewPr varScale="1">
        <p:scale>
          <a:sx n="118" d="100"/>
          <a:sy n="118" d="100"/>
        </p:scale>
        <p:origin x="248" y="62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4.xml"/><Relationship Id="rId39" Type="http://schemas.openxmlformats.org/officeDocument/2006/relationships/font" Target="fonts/font7.fntdata"/><Relationship Id="rId21" Type="http://schemas.openxmlformats.org/officeDocument/2006/relationships/customXml" Target="../customXml/item21.xml"/><Relationship Id="rId34" Type="http://schemas.openxmlformats.org/officeDocument/2006/relationships/font" Target="fonts/font2.fntdata"/><Relationship Id="rId42" Type="http://schemas.openxmlformats.org/officeDocument/2006/relationships/font" Target="fonts/font10.fntdata"/><Relationship Id="rId47" Type="http://schemas.openxmlformats.org/officeDocument/2006/relationships/theme" Target="theme/theme1.xml"/><Relationship Id="rId50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7.xml"/><Relationship Id="rId11" Type="http://schemas.openxmlformats.org/officeDocument/2006/relationships/customXml" Target="../customXml/item11.xml"/><Relationship Id="rId24" Type="http://schemas.openxmlformats.org/officeDocument/2006/relationships/slide" Target="slides/slide2.xml"/><Relationship Id="rId32" Type="http://schemas.openxmlformats.org/officeDocument/2006/relationships/handoutMaster" Target="handoutMasters/handoutMaster1.xml"/><Relationship Id="rId37" Type="http://schemas.openxmlformats.org/officeDocument/2006/relationships/font" Target="fonts/font5.fntdata"/><Relationship Id="rId40" Type="http://schemas.openxmlformats.org/officeDocument/2006/relationships/font" Target="fonts/font8.fntdata"/><Relationship Id="rId45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1.xml"/><Relationship Id="rId28" Type="http://schemas.openxmlformats.org/officeDocument/2006/relationships/slide" Target="slides/slide6.xml"/><Relationship Id="rId36" Type="http://schemas.openxmlformats.org/officeDocument/2006/relationships/font" Target="fonts/font4.fntdata"/><Relationship Id="rId49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notesMaster" Target="notesMasters/notesMaster1.xml"/><Relationship Id="rId44" Type="http://schemas.openxmlformats.org/officeDocument/2006/relationships/font" Target="fonts/font12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Master" Target="slideMasters/slideMaster1.xml"/><Relationship Id="rId27" Type="http://schemas.openxmlformats.org/officeDocument/2006/relationships/slide" Target="slides/slide5.xml"/><Relationship Id="rId30" Type="http://schemas.openxmlformats.org/officeDocument/2006/relationships/slide" Target="slides/slide8.xml"/><Relationship Id="rId35" Type="http://schemas.openxmlformats.org/officeDocument/2006/relationships/font" Target="fonts/font3.fntdata"/><Relationship Id="rId43" Type="http://schemas.openxmlformats.org/officeDocument/2006/relationships/font" Target="fonts/font11.fntdata"/><Relationship Id="rId48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3.xml"/><Relationship Id="rId33" Type="http://schemas.openxmlformats.org/officeDocument/2006/relationships/font" Target="fonts/font1.fntdata"/><Relationship Id="rId38" Type="http://schemas.openxmlformats.org/officeDocument/2006/relationships/font" Target="fonts/font6.fntdata"/><Relationship Id="rId46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font" Target="fonts/font9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agnus Westerlund" userId="d1f911fd-f2d9-4af0-9810-372c2434ea9e" providerId="ADAL" clId="{B2AB6DB9-F97A-D544-94DE-881F7BDA3FE3}"/>
    <pc:docChg chg="custSel addSld modSld sldOrd">
      <pc:chgData name="Magnus Westerlund" userId="d1f911fd-f2d9-4af0-9810-372c2434ea9e" providerId="ADAL" clId="{B2AB6DB9-F97A-D544-94DE-881F7BDA3FE3}" dt="2025-05-20T14:19:13.026" v="4089" actId="12"/>
      <pc:docMkLst>
        <pc:docMk/>
      </pc:docMkLst>
      <pc:sldChg chg="addSp delSp modSp mod modClrScheme chgLayout">
        <pc:chgData name="Magnus Westerlund" userId="d1f911fd-f2d9-4af0-9810-372c2434ea9e" providerId="ADAL" clId="{B2AB6DB9-F97A-D544-94DE-881F7BDA3FE3}" dt="2025-05-20T12:05:27.515" v="1642" actId="6549"/>
        <pc:sldMkLst>
          <pc:docMk/>
          <pc:sldMk cId="3709959988" sldId="270"/>
        </pc:sldMkLst>
        <pc:spChg chg="add mod ord">
          <ac:chgData name="Magnus Westerlund" userId="d1f911fd-f2d9-4af0-9810-372c2434ea9e" providerId="ADAL" clId="{B2AB6DB9-F97A-D544-94DE-881F7BDA3FE3}" dt="2025-05-20T09:34:45.957" v="1048" actId="20577"/>
          <ac:spMkLst>
            <pc:docMk/>
            <pc:sldMk cId="3709959988" sldId="270"/>
            <ac:spMk id="2" creationId="{62014E32-EE96-A85F-38EB-863702117CB3}"/>
          </ac:spMkLst>
        </pc:spChg>
        <pc:spChg chg="add del mod ord">
          <ac:chgData name="Magnus Westerlund" userId="d1f911fd-f2d9-4af0-9810-372c2434ea9e" providerId="ADAL" clId="{B2AB6DB9-F97A-D544-94DE-881F7BDA3FE3}" dt="2025-05-20T09:11:17.407" v="63" actId="478"/>
          <ac:spMkLst>
            <pc:docMk/>
            <pc:sldMk cId="3709959988" sldId="270"/>
            <ac:spMk id="3" creationId="{6769AE9C-DF59-9B86-3C29-F6F4C2D4F551}"/>
          </ac:spMkLst>
        </pc:spChg>
        <pc:spChg chg="add mod">
          <ac:chgData name="Magnus Westerlund" userId="d1f911fd-f2d9-4af0-9810-372c2434ea9e" providerId="ADAL" clId="{B2AB6DB9-F97A-D544-94DE-881F7BDA3FE3}" dt="2025-05-20T09:12:07.628" v="110" actId="14100"/>
          <ac:spMkLst>
            <pc:docMk/>
            <pc:sldMk cId="3709959988" sldId="270"/>
            <ac:spMk id="7" creationId="{7D824813-E7CD-88EC-5A14-54239F7AD5EA}"/>
          </ac:spMkLst>
        </pc:spChg>
        <pc:spChg chg="add mod">
          <ac:chgData name="Magnus Westerlund" userId="d1f911fd-f2d9-4af0-9810-372c2434ea9e" providerId="ADAL" clId="{B2AB6DB9-F97A-D544-94DE-881F7BDA3FE3}" dt="2025-05-20T09:22:03.695" v="400" actId="20577"/>
          <ac:spMkLst>
            <pc:docMk/>
            <pc:sldMk cId="3709959988" sldId="270"/>
            <ac:spMk id="8" creationId="{DCDFCA52-A5BD-57B5-0B4C-D309070F7865}"/>
          </ac:spMkLst>
        </pc:spChg>
        <pc:spChg chg="mod ord">
          <ac:chgData name="Magnus Westerlund" userId="d1f911fd-f2d9-4af0-9810-372c2434ea9e" providerId="ADAL" clId="{B2AB6DB9-F97A-D544-94DE-881F7BDA3FE3}" dt="2025-05-20T09:19:24.898" v="308" actId="20577"/>
          <ac:spMkLst>
            <pc:docMk/>
            <pc:sldMk cId="3709959988" sldId="270"/>
            <ac:spMk id="10" creationId="{D530E3B7-5A67-48F4-82BF-02882396232E}"/>
          </ac:spMkLst>
        </pc:spChg>
        <pc:spChg chg="del mod ord">
          <ac:chgData name="Magnus Westerlund" userId="d1f911fd-f2d9-4af0-9810-372c2434ea9e" providerId="ADAL" clId="{B2AB6DB9-F97A-D544-94DE-881F7BDA3FE3}" dt="2025-05-20T09:10:18.591" v="37" actId="700"/>
          <ac:spMkLst>
            <pc:docMk/>
            <pc:sldMk cId="3709959988" sldId="270"/>
            <ac:spMk id="11" creationId="{2E8E8F9E-D1C4-4C6A-B250-14307A886012}"/>
          </ac:spMkLst>
        </pc:spChg>
        <pc:spChg chg="add mod">
          <ac:chgData name="Magnus Westerlund" userId="d1f911fd-f2d9-4af0-9810-372c2434ea9e" providerId="ADAL" clId="{B2AB6DB9-F97A-D544-94DE-881F7BDA3FE3}" dt="2025-05-20T09:12:52.432" v="144" actId="20577"/>
          <ac:spMkLst>
            <pc:docMk/>
            <pc:sldMk cId="3709959988" sldId="270"/>
            <ac:spMk id="13" creationId="{80132869-0CF8-3ADC-0600-4C3EBA1BC8CB}"/>
          </ac:spMkLst>
        </pc:spChg>
        <pc:spChg chg="add mod">
          <ac:chgData name="Magnus Westerlund" userId="d1f911fd-f2d9-4af0-9810-372c2434ea9e" providerId="ADAL" clId="{B2AB6DB9-F97A-D544-94DE-881F7BDA3FE3}" dt="2025-05-20T12:05:02.482" v="1607" actId="20577"/>
          <ac:spMkLst>
            <pc:docMk/>
            <pc:sldMk cId="3709959988" sldId="270"/>
            <ac:spMk id="18" creationId="{EBDDC9EC-2766-277A-4838-2E009BDEC4EF}"/>
          </ac:spMkLst>
        </pc:spChg>
        <pc:spChg chg="add mod">
          <ac:chgData name="Magnus Westerlund" userId="d1f911fd-f2d9-4af0-9810-372c2434ea9e" providerId="ADAL" clId="{B2AB6DB9-F97A-D544-94DE-881F7BDA3FE3}" dt="2025-05-20T12:05:27.515" v="1642" actId="6549"/>
          <ac:spMkLst>
            <pc:docMk/>
            <pc:sldMk cId="3709959988" sldId="270"/>
            <ac:spMk id="21" creationId="{FAEBE545-7511-4F2C-5ED0-02388FDAA13D}"/>
          </ac:spMkLst>
        </pc:spChg>
        <pc:spChg chg="add mod">
          <ac:chgData name="Magnus Westerlund" userId="d1f911fd-f2d9-4af0-9810-372c2434ea9e" providerId="ADAL" clId="{B2AB6DB9-F97A-D544-94DE-881F7BDA3FE3}" dt="2025-05-20T09:17:08.356" v="274" actId="1076"/>
          <ac:spMkLst>
            <pc:docMk/>
            <pc:sldMk cId="3709959988" sldId="270"/>
            <ac:spMk id="22" creationId="{CA020C3B-3413-2F19-30D6-11BE7E19AAAE}"/>
          </ac:spMkLst>
        </pc:spChg>
        <pc:spChg chg="add mod">
          <ac:chgData name="Magnus Westerlund" userId="d1f911fd-f2d9-4af0-9810-372c2434ea9e" providerId="ADAL" clId="{B2AB6DB9-F97A-D544-94DE-881F7BDA3FE3}" dt="2025-05-20T09:17:24.116" v="279" actId="1076"/>
          <ac:spMkLst>
            <pc:docMk/>
            <pc:sldMk cId="3709959988" sldId="270"/>
            <ac:spMk id="23" creationId="{345DD70E-EF3C-48FF-BDB6-B71F62BA21D6}"/>
          </ac:spMkLst>
        </pc:spChg>
        <pc:spChg chg="add mod">
          <ac:chgData name="Magnus Westerlund" userId="d1f911fd-f2d9-4af0-9810-372c2434ea9e" providerId="ADAL" clId="{B2AB6DB9-F97A-D544-94DE-881F7BDA3FE3}" dt="2025-05-20T09:18:45.378" v="303" actId="1076"/>
          <ac:spMkLst>
            <pc:docMk/>
            <pc:sldMk cId="3709959988" sldId="270"/>
            <ac:spMk id="26" creationId="{FAFE3ABD-AE9F-1052-5771-8759ADC34BF6}"/>
          </ac:spMkLst>
        </pc:spChg>
        <pc:spChg chg="add mod">
          <ac:chgData name="Magnus Westerlund" userId="d1f911fd-f2d9-4af0-9810-372c2434ea9e" providerId="ADAL" clId="{B2AB6DB9-F97A-D544-94DE-881F7BDA3FE3}" dt="2025-05-20T09:18:38.435" v="302" actId="1076"/>
          <ac:spMkLst>
            <pc:docMk/>
            <pc:sldMk cId="3709959988" sldId="270"/>
            <ac:spMk id="37" creationId="{0DD7AC53-9F3E-6F50-E26C-D14E9A926F30}"/>
          </ac:spMkLst>
        </pc:spChg>
        <pc:spChg chg="add mod">
          <ac:chgData name="Magnus Westerlund" userId="d1f911fd-f2d9-4af0-9810-372c2434ea9e" providerId="ADAL" clId="{B2AB6DB9-F97A-D544-94DE-881F7BDA3FE3}" dt="2025-05-20T09:19:10.216" v="306" actId="14100"/>
          <ac:spMkLst>
            <pc:docMk/>
            <pc:sldMk cId="3709959988" sldId="270"/>
            <ac:spMk id="38" creationId="{A1F9E876-ACE1-5278-391A-42C69FD2E11D}"/>
          </ac:spMkLst>
        </pc:spChg>
        <pc:cxnChg chg="add mod">
          <ac:chgData name="Magnus Westerlund" userId="d1f911fd-f2d9-4af0-9810-372c2434ea9e" providerId="ADAL" clId="{B2AB6DB9-F97A-D544-94DE-881F7BDA3FE3}" dt="2025-05-20T09:11:38.012" v="72" actId="692"/>
          <ac:cxnSpMkLst>
            <pc:docMk/>
            <pc:sldMk cId="3709959988" sldId="270"/>
            <ac:cxnSpMk id="5" creationId="{84CB3410-CE5C-E10E-74A2-CCA3F595B878}"/>
          </ac:cxnSpMkLst>
        </pc:cxnChg>
        <pc:cxnChg chg="add mod">
          <ac:chgData name="Magnus Westerlund" userId="d1f911fd-f2d9-4af0-9810-372c2434ea9e" providerId="ADAL" clId="{B2AB6DB9-F97A-D544-94DE-881F7BDA3FE3}" dt="2025-05-20T09:11:44.116" v="74" actId="1076"/>
          <ac:cxnSpMkLst>
            <pc:docMk/>
            <pc:sldMk cId="3709959988" sldId="270"/>
            <ac:cxnSpMk id="6" creationId="{CB673F3D-B3C0-F2D4-4B6A-2C716F4EC0DA}"/>
          </ac:cxnSpMkLst>
        </pc:cxnChg>
        <pc:cxnChg chg="add mod">
          <ac:chgData name="Magnus Westerlund" userId="d1f911fd-f2d9-4af0-9810-372c2434ea9e" providerId="ADAL" clId="{B2AB6DB9-F97A-D544-94DE-881F7BDA3FE3}" dt="2025-05-20T09:12:39.584" v="130" actId="692"/>
          <ac:cxnSpMkLst>
            <pc:docMk/>
            <pc:sldMk cId="3709959988" sldId="270"/>
            <ac:cxnSpMk id="12" creationId="{53D4F6C7-012F-832B-CBE3-58D6D3F769AD}"/>
          </ac:cxnSpMkLst>
        </pc:cxnChg>
        <pc:cxnChg chg="add mod">
          <ac:chgData name="Magnus Westerlund" userId="d1f911fd-f2d9-4af0-9810-372c2434ea9e" providerId="ADAL" clId="{B2AB6DB9-F97A-D544-94DE-881F7BDA3FE3}" dt="2025-05-20T09:16:58.039" v="272" actId="14100"/>
          <ac:cxnSpMkLst>
            <pc:docMk/>
            <pc:sldMk cId="3709959988" sldId="270"/>
            <ac:cxnSpMk id="14" creationId="{9EE0E51A-65F8-4ED1-8853-BBDA88BCB37A}"/>
          </ac:cxnSpMkLst>
        </pc:cxnChg>
        <pc:cxnChg chg="add mod">
          <ac:chgData name="Magnus Westerlund" userId="d1f911fd-f2d9-4af0-9810-372c2434ea9e" providerId="ADAL" clId="{B2AB6DB9-F97A-D544-94DE-881F7BDA3FE3}" dt="2025-05-20T09:17:14.678" v="276" actId="1076"/>
          <ac:cxnSpMkLst>
            <pc:docMk/>
            <pc:sldMk cId="3709959988" sldId="270"/>
            <ac:cxnSpMk id="19" creationId="{6D5C6B36-9A59-6E97-7B7E-B1C2030EFF26}"/>
          </ac:cxnSpMkLst>
        </pc:cxnChg>
        <pc:cxnChg chg="add mod">
          <ac:chgData name="Magnus Westerlund" userId="d1f911fd-f2d9-4af0-9810-372c2434ea9e" providerId="ADAL" clId="{B2AB6DB9-F97A-D544-94DE-881F7BDA3FE3}" dt="2025-05-20T09:17:21.002" v="278" actId="1076"/>
          <ac:cxnSpMkLst>
            <pc:docMk/>
            <pc:sldMk cId="3709959988" sldId="270"/>
            <ac:cxnSpMk id="24" creationId="{342135F8-483C-D233-B41D-46C2EF34D346}"/>
          </ac:cxnSpMkLst>
        </pc:cxnChg>
        <pc:cxnChg chg="add mod">
          <ac:chgData name="Magnus Westerlund" userId="d1f911fd-f2d9-4af0-9810-372c2434ea9e" providerId="ADAL" clId="{B2AB6DB9-F97A-D544-94DE-881F7BDA3FE3}" dt="2025-05-20T09:17:35.565" v="281" actId="1076"/>
          <ac:cxnSpMkLst>
            <pc:docMk/>
            <pc:sldMk cId="3709959988" sldId="270"/>
            <ac:cxnSpMk id="25" creationId="{4DC13455-B46E-5EAE-7385-D0F5B2C29980}"/>
          </ac:cxnSpMkLst>
        </pc:cxnChg>
        <pc:cxnChg chg="add mod">
          <ac:chgData name="Magnus Westerlund" userId="d1f911fd-f2d9-4af0-9810-372c2434ea9e" providerId="ADAL" clId="{B2AB6DB9-F97A-D544-94DE-881F7BDA3FE3}" dt="2025-05-20T09:17:49.450" v="284" actId="14100"/>
          <ac:cxnSpMkLst>
            <pc:docMk/>
            <pc:sldMk cId="3709959988" sldId="270"/>
            <ac:cxnSpMk id="27" creationId="{6A6B7512-93C6-3BF9-7D69-19C7AD588548}"/>
          </ac:cxnSpMkLst>
        </pc:cxnChg>
        <pc:cxnChg chg="add mod">
          <ac:chgData name="Magnus Westerlund" userId="d1f911fd-f2d9-4af0-9810-372c2434ea9e" providerId="ADAL" clId="{B2AB6DB9-F97A-D544-94DE-881F7BDA3FE3}" dt="2025-05-20T09:17:54.582" v="286" actId="14100"/>
          <ac:cxnSpMkLst>
            <pc:docMk/>
            <pc:sldMk cId="3709959988" sldId="270"/>
            <ac:cxnSpMk id="28" creationId="{5AA73A21-5073-ADC1-2C96-FE8FC7E72FA7}"/>
          </ac:cxnSpMkLst>
        </pc:cxnChg>
        <pc:cxnChg chg="add mod">
          <ac:chgData name="Magnus Westerlund" userId="d1f911fd-f2d9-4af0-9810-372c2434ea9e" providerId="ADAL" clId="{B2AB6DB9-F97A-D544-94DE-881F7BDA3FE3}" dt="2025-05-20T09:18:12.605" v="289" actId="1076"/>
          <ac:cxnSpMkLst>
            <pc:docMk/>
            <pc:sldMk cId="3709959988" sldId="270"/>
            <ac:cxnSpMk id="35" creationId="{CEF7E79B-83F4-09E0-402E-AA5A144E6854}"/>
          </ac:cxnSpMkLst>
        </pc:cxnChg>
        <pc:cxnChg chg="add mod">
          <ac:chgData name="Magnus Westerlund" userId="d1f911fd-f2d9-4af0-9810-372c2434ea9e" providerId="ADAL" clId="{B2AB6DB9-F97A-D544-94DE-881F7BDA3FE3}" dt="2025-05-20T09:18:12.605" v="289" actId="1076"/>
          <ac:cxnSpMkLst>
            <pc:docMk/>
            <pc:sldMk cId="3709959988" sldId="270"/>
            <ac:cxnSpMk id="36" creationId="{35B4F417-5781-7D33-6E1A-5E85C6F8B069}"/>
          </ac:cxnSpMkLst>
        </pc:cxnChg>
      </pc:sldChg>
      <pc:sldChg chg="modSp mod">
        <pc:chgData name="Magnus Westerlund" userId="d1f911fd-f2d9-4af0-9810-372c2434ea9e" providerId="ADAL" clId="{B2AB6DB9-F97A-D544-94DE-881F7BDA3FE3}" dt="2025-05-20T09:09:55.036" v="22" actId="20577"/>
        <pc:sldMkLst>
          <pc:docMk/>
          <pc:sldMk cId="2230748882" sldId="271"/>
        </pc:sldMkLst>
        <pc:spChg chg="mod">
          <ac:chgData name="Magnus Westerlund" userId="d1f911fd-f2d9-4af0-9810-372c2434ea9e" providerId="ADAL" clId="{B2AB6DB9-F97A-D544-94DE-881F7BDA3FE3}" dt="2025-05-20T09:09:55.036" v="22" actId="20577"/>
          <ac:spMkLst>
            <pc:docMk/>
            <pc:sldMk cId="2230748882" sldId="271"/>
            <ac:spMk id="3" creationId="{17D5CE7D-CCF0-44B0-843A-8D46859C44EE}"/>
          </ac:spMkLst>
        </pc:spChg>
      </pc:sldChg>
      <pc:sldChg chg="addSp delSp modSp mod modClrScheme chgLayout">
        <pc:chgData name="Magnus Westerlund" userId="d1f911fd-f2d9-4af0-9810-372c2434ea9e" providerId="ADAL" clId="{B2AB6DB9-F97A-D544-94DE-881F7BDA3FE3}" dt="2025-05-20T14:17:39.618" v="4045" actId="20577"/>
        <pc:sldMkLst>
          <pc:docMk/>
          <pc:sldMk cId="2604203220" sldId="272"/>
        </pc:sldMkLst>
        <pc:spChg chg="add mod ord">
          <ac:chgData name="Magnus Westerlund" userId="d1f911fd-f2d9-4af0-9810-372c2434ea9e" providerId="ADAL" clId="{B2AB6DB9-F97A-D544-94DE-881F7BDA3FE3}" dt="2025-05-20T12:37:15.823" v="2314" actId="20577"/>
          <ac:spMkLst>
            <pc:docMk/>
            <pc:sldMk cId="2604203220" sldId="272"/>
            <ac:spMk id="2" creationId="{F9311BB8-62ED-B713-D33B-08585AA30A56}"/>
          </ac:spMkLst>
        </pc:spChg>
        <pc:spChg chg="add mod ord">
          <ac:chgData name="Magnus Westerlund" userId="d1f911fd-f2d9-4af0-9810-372c2434ea9e" providerId="ADAL" clId="{B2AB6DB9-F97A-D544-94DE-881F7BDA3FE3}" dt="2025-05-20T14:17:39.618" v="4045" actId="20577"/>
          <ac:spMkLst>
            <pc:docMk/>
            <pc:sldMk cId="2604203220" sldId="272"/>
            <ac:spMk id="3" creationId="{19BBD110-D562-B8A2-4BAA-69553C7BC99B}"/>
          </ac:spMkLst>
        </pc:spChg>
        <pc:spChg chg="del mod ord">
          <ac:chgData name="Magnus Westerlund" userId="d1f911fd-f2d9-4af0-9810-372c2434ea9e" providerId="ADAL" clId="{B2AB6DB9-F97A-D544-94DE-881F7BDA3FE3}" dt="2025-05-20T09:35:57.895" v="1078" actId="700"/>
          <ac:spMkLst>
            <pc:docMk/>
            <pc:sldMk cId="2604203220" sldId="272"/>
            <ac:spMk id="4" creationId="{306D82EC-811D-454E-9DFF-2EEC63AD50B4}"/>
          </ac:spMkLst>
        </pc:spChg>
        <pc:spChg chg="del mod ord">
          <ac:chgData name="Magnus Westerlund" userId="d1f911fd-f2d9-4af0-9810-372c2434ea9e" providerId="ADAL" clId="{B2AB6DB9-F97A-D544-94DE-881F7BDA3FE3}" dt="2025-05-20T09:35:57.895" v="1078" actId="700"/>
          <ac:spMkLst>
            <pc:docMk/>
            <pc:sldMk cId="2604203220" sldId="272"/>
            <ac:spMk id="5" creationId="{80CFE1E9-2446-4327-A152-D121E1DA7E83}"/>
          </ac:spMkLst>
        </pc:spChg>
        <pc:spChg chg="add del mod ord">
          <ac:chgData name="Magnus Westerlund" userId="d1f911fd-f2d9-4af0-9810-372c2434ea9e" providerId="ADAL" clId="{B2AB6DB9-F97A-D544-94DE-881F7BDA3FE3}" dt="2025-05-20T09:40:06.072" v="1484" actId="478"/>
          <ac:spMkLst>
            <pc:docMk/>
            <pc:sldMk cId="2604203220" sldId="272"/>
            <ac:spMk id="6" creationId="{BB5BC14A-84C0-B1A2-55B1-678F28934B7A}"/>
          </ac:spMkLst>
        </pc:spChg>
        <pc:spChg chg="add mod">
          <ac:chgData name="Magnus Westerlund" userId="d1f911fd-f2d9-4af0-9810-372c2434ea9e" providerId="ADAL" clId="{B2AB6DB9-F97A-D544-94DE-881F7BDA3FE3}" dt="2025-05-20T09:40:12.945" v="1486" actId="1076"/>
          <ac:spMkLst>
            <pc:docMk/>
            <pc:sldMk cId="2604203220" sldId="272"/>
            <ac:spMk id="9" creationId="{07122105-E641-AA23-74CF-5423C87CA573}"/>
          </ac:spMkLst>
        </pc:spChg>
        <pc:spChg chg="add mod">
          <ac:chgData name="Magnus Westerlund" userId="d1f911fd-f2d9-4af0-9810-372c2434ea9e" providerId="ADAL" clId="{B2AB6DB9-F97A-D544-94DE-881F7BDA3FE3}" dt="2025-05-20T09:40:12.945" v="1486" actId="1076"/>
          <ac:spMkLst>
            <pc:docMk/>
            <pc:sldMk cId="2604203220" sldId="272"/>
            <ac:spMk id="10" creationId="{316A47D7-F261-43B7-70CE-86306E4F41A3}"/>
          </ac:spMkLst>
        </pc:spChg>
        <pc:spChg chg="add mod">
          <ac:chgData name="Magnus Westerlund" userId="d1f911fd-f2d9-4af0-9810-372c2434ea9e" providerId="ADAL" clId="{B2AB6DB9-F97A-D544-94DE-881F7BDA3FE3}" dt="2025-05-20T09:40:23.691" v="1487" actId="20577"/>
          <ac:spMkLst>
            <pc:docMk/>
            <pc:sldMk cId="2604203220" sldId="272"/>
            <ac:spMk id="12" creationId="{2FC91D00-313D-C085-66D8-3721832C85D5}"/>
          </ac:spMkLst>
        </pc:spChg>
        <pc:spChg chg="add mod">
          <ac:chgData name="Magnus Westerlund" userId="d1f911fd-f2d9-4af0-9810-372c2434ea9e" providerId="ADAL" clId="{B2AB6DB9-F97A-D544-94DE-881F7BDA3FE3}" dt="2025-05-20T09:41:05.886" v="1523" actId="1076"/>
          <ac:spMkLst>
            <pc:docMk/>
            <pc:sldMk cId="2604203220" sldId="272"/>
            <ac:spMk id="14" creationId="{9657418D-5AE4-ABD9-23D6-C119FE10635D}"/>
          </ac:spMkLst>
        </pc:spChg>
        <pc:spChg chg="add mod">
          <ac:chgData name="Magnus Westerlund" userId="d1f911fd-f2d9-4af0-9810-372c2434ea9e" providerId="ADAL" clId="{B2AB6DB9-F97A-D544-94DE-881F7BDA3FE3}" dt="2025-05-20T12:38:09.232" v="2315" actId="1076"/>
          <ac:spMkLst>
            <pc:docMk/>
            <pc:sldMk cId="2604203220" sldId="272"/>
            <ac:spMk id="16" creationId="{5540D538-E78C-44C1-50FA-98C8A5B63DB3}"/>
          </ac:spMkLst>
        </pc:spChg>
        <pc:spChg chg="add mod">
          <ac:chgData name="Magnus Westerlund" userId="d1f911fd-f2d9-4af0-9810-372c2434ea9e" providerId="ADAL" clId="{B2AB6DB9-F97A-D544-94DE-881F7BDA3FE3}" dt="2025-05-20T12:38:15.322" v="2316" actId="1076"/>
          <ac:spMkLst>
            <pc:docMk/>
            <pc:sldMk cId="2604203220" sldId="272"/>
            <ac:spMk id="17" creationId="{F4FC1EFE-E803-C69D-921D-12C8EB11D597}"/>
          </ac:spMkLst>
        </pc:spChg>
        <pc:spChg chg="add mod">
          <ac:chgData name="Magnus Westerlund" userId="d1f911fd-f2d9-4af0-9810-372c2434ea9e" providerId="ADAL" clId="{B2AB6DB9-F97A-D544-94DE-881F7BDA3FE3}" dt="2025-05-20T09:40:12.945" v="1486" actId="1076"/>
          <ac:spMkLst>
            <pc:docMk/>
            <pc:sldMk cId="2604203220" sldId="272"/>
            <ac:spMk id="20" creationId="{E4247698-4B8D-834D-8D4E-7566873C3DC3}"/>
          </ac:spMkLst>
        </pc:spChg>
        <pc:spChg chg="add mod">
          <ac:chgData name="Magnus Westerlund" userId="d1f911fd-f2d9-4af0-9810-372c2434ea9e" providerId="ADAL" clId="{B2AB6DB9-F97A-D544-94DE-881F7BDA3FE3}" dt="2025-05-20T12:09:41.683" v="1831" actId="14100"/>
          <ac:spMkLst>
            <pc:docMk/>
            <pc:sldMk cId="2604203220" sldId="272"/>
            <ac:spMk id="22" creationId="{D5FE1B00-CFF5-BE73-3E54-BAC6F6314344}"/>
          </ac:spMkLst>
        </pc:spChg>
        <pc:spChg chg="add del mod">
          <ac:chgData name="Magnus Westerlund" userId="d1f911fd-f2d9-4af0-9810-372c2434ea9e" providerId="ADAL" clId="{B2AB6DB9-F97A-D544-94DE-881F7BDA3FE3}" dt="2025-05-20T11:50:20.895" v="1592" actId="478"/>
          <ac:spMkLst>
            <pc:docMk/>
            <pc:sldMk cId="2604203220" sldId="272"/>
            <ac:spMk id="23" creationId="{E502D071-3D5C-2540-F31C-93A557AE3DAA}"/>
          </ac:spMkLst>
        </pc:spChg>
        <pc:spChg chg="add mod">
          <ac:chgData name="Magnus Westerlund" userId="d1f911fd-f2d9-4af0-9810-372c2434ea9e" providerId="ADAL" clId="{B2AB6DB9-F97A-D544-94DE-881F7BDA3FE3}" dt="2025-05-20T12:10:12.726" v="1836" actId="14100"/>
          <ac:spMkLst>
            <pc:docMk/>
            <pc:sldMk cId="2604203220" sldId="272"/>
            <ac:spMk id="32" creationId="{C4F8D042-991B-F559-1ACF-880261BCEACF}"/>
          </ac:spMkLst>
        </pc:spChg>
        <pc:spChg chg="add mod">
          <ac:chgData name="Magnus Westerlund" userId="d1f911fd-f2d9-4af0-9810-372c2434ea9e" providerId="ADAL" clId="{B2AB6DB9-F97A-D544-94DE-881F7BDA3FE3}" dt="2025-05-20T12:10:37.407" v="1905" actId="20577"/>
          <ac:spMkLst>
            <pc:docMk/>
            <pc:sldMk cId="2604203220" sldId="272"/>
            <ac:spMk id="33" creationId="{044CBE0E-74D8-6CA5-0A67-F748F31657FA}"/>
          </ac:spMkLst>
        </pc:spChg>
        <pc:spChg chg="add mod">
          <ac:chgData name="Magnus Westerlund" userId="d1f911fd-f2d9-4af0-9810-372c2434ea9e" providerId="ADAL" clId="{B2AB6DB9-F97A-D544-94DE-881F7BDA3FE3}" dt="2025-05-20T12:11:22.711" v="1959" actId="1076"/>
          <ac:spMkLst>
            <pc:docMk/>
            <pc:sldMk cId="2604203220" sldId="272"/>
            <ac:spMk id="34" creationId="{B7E0E426-04AD-19FA-0ED5-AD5BAC509826}"/>
          </ac:spMkLst>
        </pc:spChg>
        <pc:cxnChg chg="mod">
          <ac:chgData name="Magnus Westerlund" userId="d1f911fd-f2d9-4af0-9810-372c2434ea9e" providerId="ADAL" clId="{B2AB6DB9-F97A-D544-94DE-881F7BDA3FE3}" dt="2025-05-20T09:41:18.678" v="1526" actId="14100"/>
          <ac:cxnSpMkLst>
            <pc:docMk/>
            <pc:sldMk cId="2604203220" sldId="272"/>
            <ac:cxnSpMk id="15" creationId="{850BDDC3-F4C6-A10A-DB00-1F9BB689C471}"/>
          </ac:cxnSpMkLst>
        </pc:cxnChg>
        <pc:cxnChg chg="add mod">
          <ac:chgData name="Magnus Westerlund" userId="d1f911fd-f2d9-4af0-9810-372c2434ea9e" providerId="ADAL" clId="{B2AB6DB9-F97A-D544-94DE-881F7BDA3FE3}" dt="2025-05-20T09:41:31.523" v="1529" actId="14100"/>
          <ac:cxnSpMkLst>
            <pc:docMk/>
            <pc:sldMk cId="2604203220" sldId="272"/>
            <ac:cxnSpMk id="18" creationId="{3E286269-67FE-D490-958E-7F3571D4E78D}"/>
          </ac:cxnSpMkLst>
        </pc:cxnChg>
        <pc:cxnChg chg="add mod">
          <ac:chgData name="Magnus Westerlund" userId="d1f911fd-f2d9-4af0-9810-372c2434ea9e" providerId="ADAL" clId="{B2AB6DB9-F97A-D544-94DE-881F7BDA3FE3}" dt="2025-05-20T09:41:11.708" v="1524" actId="14100"/>
          <ac:cxnSpMkLst>
            <pc:docMk/>
            <pc:sldMk cId="2604203220" sldId="272"/>
            <ac:cxnSpMk id="24" creationId="{5CF093B3-38BF-162B-4808-8E8D1A4B4E96}"/>
          </ac:cxnSpMkLst>
        </pc:cxnChg>
        <pc:cxnChg chg="add mod">
          <ac:chgData name="Magnus Westerlund" userId="d1f911fd-f2d9-4af0-9810-372c2434ea9e" providerId="ADAL" clId="{B2AB6DB9-F97A-D544-94DE-881F7BDA3FE3}" dt="2025-05-20T11:49:57.753" v="1589" actId="1076"/>
          <ac:cxnSpMkLst>
            <pc:docMk/>
            <pc:sldMk cId="2604203220" sldId="272"/>
            <ac:cxnSpMk id="30" creationId="{8168BBBC-916D-CAA2-F972-B52F749D1616}"/>
          </ac:cxnSpMkLst>
        </pc:cxnChg>
        <pc:cxnChg chg="add del mod">
          <ac:chgData name="Magnus Westerlund" userId="d1f911fd-f2d9-4af0-9810-372c2434ea9e" providerId="ADAL" clId="{B2AB6DB9-F97A-D544-94DE-881F7BDA3FE3}" dt="2025-05-20T14:13:29.314" v="4041" actId="478"/>
          <ac:cxnSpMkLst>
            <pc:docMk/>
            <pc:sldMk cId="2604203220" sldId="272"/>
            <ac:cxnSpMk id="31" creationId="{3DA058C4-E6E8-044C-61EA-D128D1EAEDDE}"/>
          </ac:cxnSpMkLst>
        </pc:cxnChg>
      </pc:sldChg>
      <pc:sldChg chg="addSp delSp modSp add mod">
        <pc:chgData name="Magnus Westerlund" userId="d1f911fd-f2d9-4af0-9810-372c2434ea9e" providerId="ADAL" clId="{B2AB6DB9-F97A-D544-94DE-881F7BDA3FE3}" dt="2025-05-20T13:17:27.220" v="3717" actId="27636"/>
        <pc:sldMkLst>
          <pc:docMk/>
          <pc:sldMk cId="932515265" sldId="273"/>
        </pc:sldMkLst>
        <pc:spChg chg="mod">
          <ac:chgData name="Magnus Westerlund" userId="d1f911fd-f2d9-4af0-9810-372c2434ea9e" providerId="ADAL" clId="{B2AB6DB9-F97A-D544-94DE-881F7BDA3FE3}" dt="2025-05-20T13:17:27.220" v="3717" actId="27636"/>
          <ac:spMkLst>
            <pc:docMk/>
            <pc:sldMk cId="932515265" sldId="273"/>
            <ac:spMk id="2" creationId="{25D9CBB8-BCC4-D58C-24E7-7F6D7E264678}"/>
          </ac:spMkLst>
        </pc:spChg>
        <pc:spChg chg="mod">
          <ac:chgData name="Magnus Westerlund" userId="d1f911fd-f2d9-4af0-9810-372c2434ea9e" providerId="ADAL" clId="{B2AB6DB9-F97A-D544-94DE-881F7BDA3FE3}" dt="2025-05-20T09:21:01.377" v="380" actId="1076"/>
          <ac:spMkLst>
            <pc:docMk/>
            <pc:sldMk cId="932515265" sldId="273"/>
            <ac:spMk id="7" creationId="{16B4849E-B52C-16D6-FED6-7FB8E2DDF202}"/>
          </ac:spMkLst>
        </pc:spChg>
        <pc:spChg chg="mod">
          <ac:chgData name="Magnus Westerlund" userId="d1f911fd-f2d9-4af0-9810-372c2434ea9e" providerId="ADAL" clId="{B2AB6DB9-F97A-D544-94DE-881F7BDA3FE3}" dt="2025-05-20T09:21:57.292" v="395" actId="20577"/>
          <ac:spMkLst>
            <pc:docMk/>
            <pc:sldMk cId="932515265" sldId="273"/>
            <ac:spMk id="8" creationId="{E911826B-A237-AE66-4270-6226FDA89EE0}"/>
          </ac:spMkLst>
        </pc:spChg>
        <pc:spChg chg="mod">
          <ac:chgData name="Magnus Westerlund" userId="d1f911fd-f2d9-4af0-9810-372c2434ea9e" providerId="ADAL" clId="{B2AB6DB9-F97A-D544-94DE-881F7BDA3FE3}" dt="2025-05-20T09:25:15.424" v="710" actId="313"/>
          <ac:spMkLst>
            <pc:docMk/>
            <pc:sldMk cId="932515265" sldId="273"/>
            <ac:spMk id="10" creationId="{220566C6-73C2-F1CD-1F11-3D4CB79C7845}"/>
          </ac:spMkLst>
        </pc:spChg>
        <pc:spChg chg="add mod">
          <ac:chgData name="Magnus Westerlund" userId="d1f911fd-f2d9-4af0-9810-372c2434ea9e" providerId="ADAL" clId="{B2AB6DB9-F97A-D544-94DE-881F7BDA3FE3}" dt="2025-05-20T09:22:12.392" v="409" actId="20577"/>
          <ac:spMkLst>
            <pc:docMk/>
            <pc:sldMk cId="932515265" sldId="273"/>
            <ac:spMk id="11" creationId="{7F7E0795-CFA3-CFDD-CDA5-233EB97DC608}"/>
          </ac:spMkLst>
        </pc:spChg>
        <pc:spChg chg="mod">
          <ac:chgData name="Magnus Westerlund" userId="d1f911fd-f2d9-4af0-9810-372c2434ea9e" providerId="ADAL" clId="{B2AB6DB9-F97A-D544-94DE-881F7BDA3FE3}" dt="2025-05-20T09:21:01.377" v="380" actId="1076"/>
          <ac:spMkLst>
            <pc:docMk/>
            <pc:sldMk cId="932515265" sldId="273"/>
            <ac:spMk id="13" creationId="{D2FB61FF-EF5A-2AED-E98E-C3D6D5A00057}"/>
          </ac:spMkLst>
        </pc:spChg>
        <pc:spChg chg="mod">
          <ac:chgData name="Magnus Westerlund" userId="d1f911fd-f2d9-4af0-9810-372c2434ea9e" providerId="ADAL" clId="{B2AB6DB9-F97A-D544-94DE-881F7BDA3FE3}" dt="2025-05-20T12:07:14.608" v="1663" actId="20577"/>
          <ac:spMkLst>
            <pc:docMk/>
            <pc:sldMk cId="932515265" sldId="273"/>
            <ac:spMk id="18" creationId="{26E6191E-26CD-416A-FFB2-A9770AAAFC73}"/>
          </ac:spMkLst>
        </pc:spChg>
        <pc:spChg chg="add mod">
          <ac:chgData name="Magnus Westerlund" userId="d1f911fd-f2d9-4af0-9810-372c2434ea9e" providerId="ADAL" clId="{B2AB6DB9-F97A-D544-94DE-881F7BDA3FE3}" dt="2025-05-20T12:07:28.194" v="1696" actId="20577"/>
          <ac:spMkLst>
            <pc:docMk/>
            <pc:sldMk cId="932515265" sldId="273"/>
            <ac:spMk id="20" creationId="{CE14019C-691D-93E4-124B-625170A8105D}"/>
          </ac:spMkLst>
        </pc:spChg>
        <pc:spChg chg="del mod">
          <ac:chgData name="Magnus Westerlund" userId="d1f911fd-f2d9-4af0-9810-372c2434ea9e" providerId="ADAL" clId="{B2AB6DB9-F97A-D544-94DE-881F7BDA3FE3}" dt="2025-05-20T09:21:09.809" v="382" actId="478"/>
          <ac:spMkLst>
            <pc:docMk/>
            <pc:sldMk cId="932515265" sldId="273"/>
            <ac:spMk id="21" creationId="{869DD82D-3AE5-5503-6D29-05556BB73760}"/>
          </ac:spMkLst>
        </pc:spChg>
        <pc:spChg chg="mod">
          <ac:chgData name="Magnus Westerlund" userId="d1f911fd-f2d9-4af0-9810-372c2434ea9e" providerId="ADAL" clId="{B2AB6DB9-F97A-D544-94DE-881F7BDA3FE3}" dt="2025-05-20T09:21:01.377" v="380" actId="1076"/>
          <ac:spMkLst>
            <pc:docMk/>
            <pc:sldMk cId="932515265" sldId="273"/>
            <ac:spMk id="22" creationId="{58004015-F5E3-A3F9-A7C1-24E1C321EA14}"/>
          </ac:spMkLst>
        </pc:spChg>
        <pc:spChg chg="mod">
          <ac:chgData name="Magnus Westerlund" userId="d1f911fd-f2d9-4af0-9810-372c2434ea9e" providerId="ADAL" clId="{B2AB6DB9-F97A-D544-94DE-881F7BDA3FE3}" dt="2025-05-20T09:21:01.377" v="380" actId="1076"/>
          <ac:spMkLst>
            <pc:docMk/>
            <pc:sldMk cId="932515265" sldId="273"/>
            <ac:spMk id="23" creationId="{A53C417B-8EA9-1DA0-AA31-9BCE4E3C58A3}"/>
          </ac:spMkLst>
        </pc:spChg>
        <pc:spChg chg="del">
          <ac:chgData name="Magnus Westerlund" userId="d1f911fd-f2d9-4af0-9810-372c2434ea9e" providerId="ADAL" clId="{B2AB6DB9-F97A-D544-94DE-881F7BDA3FE3}" dt="2025-05-20T09:21:04.566" v="381" actId="478"/>
          <ac:spMkLst>
            <pc:docMk/>
            <pc:sldMk cId="932515265" sldId="273"/>
            <ac:spMk id="26" creationId="{288CDE69-1977-0DA2-898F-BFF158F1369C}"/>
          </ac:spMkLst>
        </pc:spChg>
        <pc:spChg chg="add mod">
          <ac:chgData name="Magnus Westerlund" userId="d1f911fd-f2d9-4af0-9810-372c2434ea9e" providerId="ADAL" clId="{B2AB6DB9-F97A-D544-94DE-881F7BDA3FE3}" dt="2025-05-20T09:26:36.981" v="804" actId="20577"/>
          <ac:spMkLst>
            <pc:docMk/>
            <pc:sldMk cId="932515265" sldId="273"/>
            <ac:spMk id="31" creationId="{EED823F5-41B7-E86A-B9A3-5E31F7F3E5A5}"/>
          </ac:spMkLst>
        </pc:spChg>
        <pc:spChg chg="add mod">
          <ac:chgData name="Magnus Westerlund" userId="d1f911fd-f2d9-4af0-9810-372c2434ea9e" providerId="ADAL" clId="{B2AB6DB9-F97A-D544-94DE-881F7BDA3FE3}" dt="2025-05-20T12:06:58.974" v="1648" actId="1076"/>
          <ac:spMkLst>
            <pc:docMk/>
            <pc:sldMk cId="932515265" sldId="273"/>
            <ac:spMk id="32" creationId="{BA038C68-1751-BDB9-2BB7-D44FF46FA0CA}"/>
          </ac:spMkLst>
        </pc:spChg>
        <pc:spChg chg="add mod">
          <ac:chgData name="Magnus Westerlund" userId="d1f911fd-f2d9-4af0-9810-372c2434ea9e" providerId="ADAL" clId="{B2AB6DB9-F97A-D544-94DE-881F7BDA3FE3}" dt="2025-05-20T12:08:28.151" v="1729" actId="404"/>
          <ac:spMkLst>
            <pc:docMk/>
            <pc:sldMk cId="932515265" sldId="273"/>
            <ac:spMk id="34" creationId="{336EF7BB-F051-2FB3-66A7-E61C97687B38}"/>
          </ac:spMkLst>
        </pc:spChg>
        <pc:spChg chg="del mod">
          <ac:chgData name="Magnus Westerlund" userId="d1f911fd-f2d9-4af0-9810-372c2434ea9e" providerId="ADAL" clId="{B2AB6DB9-F97A-D544-94DE-881F7BDA3FE3}" dt="2025-05-20T09:25:50.745" v="717" actId="478"/>
          <ac:spMkLst>
            <pc:docMk/>
            <pc:sldMk cId="932515265" sldId="273"/>
            <ac:spMk id="37" creationId="{D8173E2D-FD7C-CB82-98F2-BCE4FB895B5C}"/>
          </ac:spMkLst>
        </pc:spChg>
        <pc:spChg chg="del mod">
          <ac:chgData name="Magnus Westerlund" userId="d1f911fd-f2d9-4af0-9810-372c2434ea9e" providerId="ADAL" clId="{B2AB6DB9-F97A-D544-94DE-881F7BDA3FE3}" dt="2025-05-20T09:25:47.278" v="716" actId="478"/>
          <ac:spMkLst>
            <pc:docMk/>
            <pc:sldMk cId="932515265" sldId="273"/>
            <ac:spMk id="38" creationId="{D7B241E1-61AB-928D-5159-2F68DECE268E}"/>
          </ac:spMkLst>
        </pc:spChg>
        <pc:cxnChg chg="add mod">
          <ac:chgData name="Magnus Westerlund" userId="d1f911fd-f2d9-4af0-9810-372c2434ea9e" providerId="ADAL" clId="{B2AB6DB9-F97A-D544-94DE-881F7BDA3FE3}" dt="2025-05-20T09:21:26.058" v="385" actId="1076"/>
          <ac:cxnSpMkLst>
            <pc:docMk/>
            <pc:sldMk cId="932515265" sldId="273"/>
            <ac:cxnSpMk id="3" creationId="{FB3B9181-8CEE-E1D1-7AAE-AC9F4E2221DE}"/>
          </ac:cxnSpMkLst>
        </pc:cxnChg>
        <pc:cxnChg chg="mod">
          <ac:chgData name="Magnus Westerlund" userId="d1f911fd-f2d9-4af0-9810-372c2434ea9e" providerId="ADAL" clId="{B2AB6DB9-F97A-D544-94DE-881F7BDA3FE3}" dt="2025-05-20T09:21:30.083" v="386" actId="1076"/>
          <ac:cxnSpMkLst>
            <pc:docMk/>
            <pc:sldMk cId="932515265" sldId="273"/>
            <ac:cxnSpMk id="6" creationId="{96795396-9E99-EAC4-6F04-33F1BFBA3E2D}"/>
          </ac:cxnSpMkLst>
        </pc:cxnChg>
        <pc:cxnChg chg="mod">
          <ac:chgData name="Magnus Westerlund" userId="d1f911fd-f2d9-4af0-9810-372c2434ea9e" providerId="ADAL" clId="{B2AB6DB9-F97A-D544-94DE-881F7BDA3FE3}" dt="2025-05-20T12:06:55.453" v="1647" actId="14100"/>
          <ac:cxnSpMkLst>
            <pc:docMk/>
            <pc:sldMk cId="932515265" sldId="273"/>
            <ac:cxnSpMk id="12" creationId="{36EE75A9-E603-5449-D8E9-74DD1546708B}"/>
          </ac:cxnSpMkLst>
        </pc:cxnChg>
        <pc:cxnChg chg="mod">
          <ac:chgData name="Magnus Westerlund" userId="d1f911fd-f2d9-4af0-9810-372c2434ea9e" providerId="ADAL" clId="{B2AB6DB9-F97A-D544-94DE-881F7BDA3FE3}" dt="2025-05-20T12:07:06.744" v="1650" actId="1076"/>
          <ac:cxnSpMkLst>
            <pc:docMk/>
            <pc:sldMk cId="932515265" sldId="273"/>
            <ac:cxnSpMk id="14" creationId="{97966B83-EA36-5B3B-5645-0EEBD35A5F3A}"/>
          </ac:cxnSpMkLst>
        </pc:cxnChg>
        <pc:cxnChg chg="add mod">
          <ac:chgData name="Magnus Westerlund" userId="d1f911fd-f2d9-4af0-9810-372c2434ea9e" providerId="ADAL" clId="{B2AB6DB9-F97A-D544-94DE-881F7BDA3FE3}" dt="2025-05-20T12:07:03.565" v="1649" actId="1076"/>
          <ac:cxnSpMkLst>
            <pc:docMk/>
            <pc:sldMk cId="932515265" sldId="273"/>
            <ac:cxnSpMk id="16" creationId="{8ED09609-FBE3-EF31-4739-C70B221DC7D8}"/>
          </ac:cxnSpMkLst>
        </pc:cxnChg>
        <pc:cxnChg chg="mod">
          <ac:chgData name="Magnus Westerlund" userId="d1f911fd-f2d9-4af0-9810-372c2434ea9e" providerId="ADAL" clId="{B2AB6DB9-F97A-D544-94DE-881F7BDA3FE3}" dt="2025-05-20T12:07:46.560" v="1698" actId="1076"/>
          <ac:cxnSpMkLst>
            <pc:docMk/>
            <pc:sldMk cId="932515265" sldId="273"/>
            <ac:cxnSpMk id="19" creationId="{892C3478-CBB9-4BD5-D362-2ECF1BAF3130}"/>
          </ac:cxnSpMkLst>
        </pc:cxnChg>
        <pc:cxnChg chg="mod">
          <ac:chgData name="Magnus Westerlund" userId="d1f911fd-f2d9-4af0-9810-372c2434ea9e" providerId="ADAL" clId="{B2AB6DB9-F97A-D544-94DE-881F7BDA3FE3}" dt="2025-05-20T09:25:42.611" v="715" actId="14100"/>
          <ac:cxnSpMkLst>
            <pc:docMk/>
            <pc:sldMk cId="932515265" sldId="273"/>
            <ac:cxnSpMk id="24" creationId="{17082CAA-B5FA-EC5D-1E4E-EC1E789EDD47}"/>
          </ac:cxnSpMkLst>
        </pc:cxnChg>
        <pc:cxnChg chg="del">
          <ac:chgData name="Magnus Westerlund" userId="d1f911fd-f2d9-4af0-9810-372c2434ea9e" providerId="ADAL" clId="{B2AB6DB9-F97A-D544-94DE-881F7BDA3FE3}" dt="2025-05-20T09:25:53.837" v="718" actId="478"/>
          <ac:cxnSpMkLst>
            <pc:docMk/>
            <pc:sldMk cId="932515265" sldId="273"/>
            <ac:cxnSpMk id="25" creationId="{734476F8-32DE-7071-3C66-8C984B2948C6}"/>
          </ac:cxnSpMkLst>
        </pc:cxnChg>
        <pc:cxnChg chg="del mod">
          <ac:chgData name="Magnus Westerlund" userId="d1f911fd-f2d9-4af0-9810-372c2434ea9e" providerId="ADAL" clId="{B2AB6DB9-F97A-D544-94DE-881F7BDA3FE3}" dt="2025-05-20T09:25:55.645" v="719" actId="478"/>
          <ac:cxnSpMkLst>
            <pc:docMk/>
            <pc:sldMk cId="932515265" sldId="273"/>
            <ac:cxnSpMk id="27" creationId="{4B19C443-F4F2-29CA-7906-AEEE9AAC4C8B}"/>
          </ac:cxnSpMkLst>
        </pc:cxnChg>
        <pc:cxnChg chg="del">
          <ac:chgData name="Magnus Westerlund" userId="d1f911fd-f2d9-4af0-9810-372c2434ea9e" providerId="ADAL" clId="{B2AB6DB9-F97A-D544-94DE-881F7BDA3FE3}" dt="2025-05-20T09:25:56.803" v="720" actId="478"/>
          <ac:cxnSpMkLst>
            <pc:docMk/>
            <pc:sldMk cId="932515265" sldId="273"/>
            <ac:cxnSpMk id="28" creationId="{5BFEECE7-8E53-C503-9587-7210C99D7467}"/>
          </ac:cxnSpMkLst>
        </pc:cxnChg>
        <pc:cxnChg chg="del">
          <ac:chgData name="Magnus Westerlund" userId="d1f911fd-f2d9-4af0-9810-372c2434ea9e" providerId="ADAL" clId="{B2AB6DB9-F97A-D544-94DE-881F7BDA3FE3}" dt="2025-05-20T09:25:58.580" v="721" actId="478"/>
          <ac:cxnSpMkLst>
            <pc:docMk/>
            <pc:sldMk cId="932515265" sldId="273"/>
            <ac:cxnSpMk id="35" creationId="{CB7730AC-01CB-7A1C-71E8-DE371933858B}"/>
          </ac:cxnSpMkLst>
        </pc:cxnChg>
        <pc:cxnChg chg="del">
          <ac:chgData name="Magnus Westerlund" userId="d1f911fd-f2d9-4af0-9810-372c2434ea9e" providerId="ADAL" clId="{B2AB6DB9-F97A-D544-94DE-881F7BDA3FE3}" dt="2025-05-20T09:25:59.785" v="722" actId="478"/>
          <ac:cxnSpMkLst>
            <pc:docMk/>
            <pc:sldMk cId="932515265" sldId="273"/>
            <ac:cxnSpMk id="36" creationId="{7D69A554-E1C2-9CAE-B2AD-AA295EB09F18}"/>
          </ac:cxnSpMkLst>
        </pc:cxnChg>
      </pc:sldChg>
      <pc:sldChg chg="addSp delSp modSp add mod">
        <pc:chgData name="Magnus Westerlund" userId="d1f911fd-f2d9-4af0-9810-372c2434ea9e" providerId="ADAL" clId="{B2AB6DB9-F97A-D544-94DE-881F7BDA3FE3}" dt="2025-05-20T14:19:13.026" v="4089" actId="12"/>
        <pc:sldMkLst>
          <pc:docMk/>
          <pc:sldMk cId="3797420205" sldId="274"/>
        </pc:sldMkLst>
        <pc:spChg chg="mod">
          <ac:chgData name="Magnus Westerlund" userId="d1f911fd-f2d9-4af0-9810-372c2434ea9e" providerId="ADAL" clId="{B2AB6DB9-F97A-D544-94DE-881F7BDA3FE3}" dt="2025-05-20T14:19:13.026" v="4089" actId="12"/>
          <ac:spMkLst>
            <pc:docMk/>
            <pc:sldMk cId="3797420205" sldId="274"/>
            <ac:spMk id="3" creationId="{8D44B802-8628-5E4C-FBFC-42B3B44A6BB1}"/>
          </ac:spMkLst>
        </pc:spChg>
        <pc:spChg chg="add mod">
          <ac:chgData name="Magnus Westerlund" userId="d1f911fd-f2d9-4af0-9810-372c2434ea9e" providerId="ADAL" clId="{B2AB6DB9-F97A-D544-94DE-881F7BDA3FE3}" dt="2025-05-20T12:39:11.229" v="2320" actId="1076"/>
          <ac:spMkLst>
            <pc:docMk/>
            <pc:sldMk cId="3797420205" sldId="274"/>
            <ac:spMk id="4" creationId="{A3DEF613-B174-EAF2-B4F8-47513C406ACD}"/>
          </ac:spMkLst>
        </pc:spChg>
        <pc:spChg chg="add mod">
          <ac:chgData name="Magnus Westerlund" userId="d1f911fd-f2d9-4af0-9810-372c2434ea9e" providerId="ADAL" clId="{B2AB6DB9-F97A-D544-94DE-881F7BDA3FE3}" dt="2025-05-20T12:40:32.522" v="2438" actId="1076"/>
          <ac:spMkLst>
            <pc:docMk/>
            <pc:sldMk cId="3797420205" sldId="274"/>
            <ac:spMk id="5" creationId="{EC71F6DC-28E6-8121-485D-9B18872D9535}"/>
          </ac:spMkLst>
        </pc:spChg>
        <pc:spChg chg="add mod">
          <ac:chgData name="Magnus Westerlund" userId="d1f911fd-f2d9-4af0-9810-372c2434ea9e" providerId="ADAL" clId="{B2AB6DB9-F97A-D544-94DE-881F7BDA3FE3}" dt="2025-05-20T12:42:19.068" v="2648" actId="1076"/>
          <ac:spMkLst>
            <pc:docMk/>
            <pc:sldMk cId="3797420205" sldId="274"/>
            <ac:spMk id="6" creationId="{4C485F75-23E1-E4D1-767A-4D848F6E49B1}"/>
          </ac:spMkLst>
        </pc:spChg>
        <pc:cxnChg chg="del">
          <ac:chgData name="Magnus Westerlund" userId="d1f911fd-f2d9-4af0-9810-372c2434ea9e" providerId="ADAL" clId="{B2AB6DB9-F97A-D544-94DE-881F7BDA3FE3}" dt="2025-05-20T14:18:45.754" v="4046" actId="478"/>
          <ac:cxnSpMkLst>
            <pc:docMk/>
            <pc:sldMk cId="3797420205" sldId="274"/>
            <ac:cxnSpMk id="31" creationId="{95A6DFFC-7F63-11C3-902F-79A832AF5963}"/>
          </ac:cxnSpMkLst>
        </pc:cxnChg>
      </pc:sldChg>
      <pc:sldChg chg="modSp new mod ord">
        <pc:chgData name="Magnus Westerlund" userId="d1f911fd-f2d9-4af0-9810-372c2434ea9e" providerId="ADAL" clId="{B2AB6DB9-F97A-D544-94DE-881F7BDA3FE3}" dt="2025-05-20T12:57:30.818" v="3419" actId="20578"/>
        <pc:sldMkLst>
          <pc:docMk/>
          <pc:sldMk cId="755701349" sldId="275"/>
        </pc:sldMkLst>
        <pc:spChg chg="mod">
          <ac:chgData name="Magnus Westerlund" userId="d1f911fd-f2d9-4af0-9810-372c2434ea9e" providerId="ADAL" clId="{B2AB6DB9-F97A-D544-94DE-881F7BDA3FE3}" dt="2025-05-20T12:52:45.101" v="2849" actId="20577"/>
          <ac:spMkLst>
            <pc:docMk/>
            <pc:sldMk cId="755701349" sldId="275"/>
            <ac:spMk id="2" creationId="{B4EB6E49-B761-6DFB-C1AF-65AF4FD60CE1}"/>
          </ac:spMkLst>
        </pc:spChg>
        <pc:spChg chg="mod">
          <ac:chgData name="Magnus Westerlund" userId="d1f911fd-f2d9-4af0-9810-372c2434ea9e" providerId="ADAL" clId="{B2AB6DB9-F97A-D544-94DE-881F7BDA3FE3}" dt="2025-05-20T12:55:43.338" v="3362" actId="20577"/>
          <ac:spMkLst>
            <pc:docMk/>
            <pc:sldMk cId="755701349" sldId="275"/>
            <ac:spMk id="3" creationId="{6DCB3B8C-CC74-0A06-0F6A-BACF8AA76856}"/>
          </ac:spMkLst>
        </pc:spChg>
      </pc:sldChg>
      <pc:sldChg chg="addSp delSp modSp add mod ord">
        <pc:chgData name="Magnus Westerlund" userId="d1f911fd-f2d9-4af0-9810-372c2434ea9e" providerId="ADAL" clId="{B2AB6DB9-F97A-D544-94DE-881F7BDA3FE3}" dt="2025-05-20T13:20:46.500" v="4040" actId="20577"/>
        <pc:sldMkLst>
          <pc:docMk/>
          <pc:sldMk cId="1761221211" sldId="276"/>
        </pc:sldMkLst>
        <pc:spChg chg="mod">
          <ac:chgData name="Magnus Westerlund" userId="d1f911fd-f2d9-4af0-9810-372c2434ea9e" providerId="ADAL" clId="{B2AB6DB9-F97A-D544-94DE-881F7BDA3FE3}" dt="2025-05-20T13:20:46.500" v="4040" actId="20577"/>
          <ac:spMkLst>
            <pc:docMk/>
            <pc:sldMk cId="1761221211" sldId="276"/>
            <ac:spMk id="3" creationId="{E4DB996E-F85E-12F9-E62E-F0BC92291E39}"/>
          </ac:spMkLst>
        </pc:spChg>
        <pc:spChg chg="add mod">
          <ac:chgData name="Magnus Westerlund" userId="d1f911fd-f2d9-4af0-9810-372c2434ea9e" providerId="ADAL" clId="{B2AB6DB9-F97A-D544-94DE-881F7BDA3FE3}" dt="2025-05-20T13:19:38.521" v="3847" actId="1076"/>
          <ac:spMkLst>
            <pc:docMk/>
            <pc:sldMk cId="1761221211" sldId="276"/>
            <ac:spMk id="5" creationId="{A7E95280-7A3A-B949-4207-43C1DA98134A}"/>
          </ac:spMkLst>
        </pc:spChg>
        <pc:spChg chg="mod">
          <ac:chgData name="Magnus Westerlund" userId="d1f911fd-f2d9-4af0-9810-372c2434ea9e" providerId="ADAL" clId="{B2AB6DB9-F97A-D544-94DE-881F7BDA3FE3}" dt="2025-05-20T12:56:38.560" v="3372" actId="14100"/>
          <ac:spMkLst>
            <pc:docMk/>
            <pc:sldMk cId="1761221211" sldId="276"/>
            <ac:spMk id="22" creationId="{F5D30A4B-B53C-4984-1B8F-6EB400AB80EA}"/>
          </ac:spMkLst>
        </pc:spChg>
        <pc:spChg chg="add del mod">
          <ac:chgData name="Magnus Westerlund" userId="d1f911fd-f2d9-4af0-9810-372c2434ea9e" providerId="ADAL" clId="{B2AB6DB9-F97A-D544-94DE-881F7BDA3FE3}" dt="2025-05-20T13:19:10.546" v="3842" actId="478"/>
          <ac:spMkLst>
            <pc:docMk/>
            <pc:sldMk cId="1761221211" sldId="276"/>
            <ac:spMk id="26" creationId="{07C52056-3816-B441-AEB0-B2DFEBE62EB6}"/>
          </ac:spMkLst>
        </pc:spChg>
        <pc:spChg chg="del">
          <ac:chgData name="Magnus Westerlund" userId="d1f911fd-f2d9-4af0-9810-372c2434ea9e" providerId="ADAL" clId="{B2AB6DB9-F97A-D544-94DE-881F7BDA3FE3}" dt="2025-05-20T12:56:29.863" v="3370" actId="478"/>
          <ac:spMkLst>
            <pc:docMk/>
            <pc:sldMk cId="1761221211" sldId="276"/>
            <ac:spMk id="32" creationId="{B397FB82-FB75-6309-E8B2-21D0E94FC377}"/>
          </ac:spMkLst>
        </pc:spChg>
        <pc:spChg chg="del">
          <ac:chgData name="Magnus Westerlund" userId="d1f911fd-f2d9-4af0-9810-372c2434ea9e" providerId="ADAL" clId="{B2AB6DB9-F97A-D544-94DE-881F7BDA3FE3}" dt="2025-05-20T12:56:41.630" v="3373" actId="478"/>
          <ac:spMkLst>
            <pc:docMk/>
            <pc:sldMk cId="1761221211" sldId="276"/>
            <ac:spMk id="33" creationId="{9BAF57F3-B577-B54E-4F4F-90C717406BB5}"/>
          </ac:spMkLst>
        </pc:spChg>
        <pc:spChg chg="mod">
          <ac:chgData name="Magnus Westerlund" userId="d1f911fd-f2d9-4af0-9810-372c2434ea9e" providerId="ADAL" clId="{B2AB6DB9-F97A-D544-94DE-881F7BDA3FE3}" dt="2025-05-20T12:57:12.212" v="3403" actId="20577"/>
          <ac:spMkLst>
            <pc:docMk/>
            <pc:sldMk cId="1761221211" sldId="276"/>
            <ac:spMk id="34" creationId="{A1D0DF43-51D8-1056-0BB8-1B121534F352}"/>
          </ac:spMkLst>
        </pc:spChg>
        <pc:cxnChg chg="add mod">
          <ac:chgData name="Magnus Westerlund" userId="d1f911fd-f2d9-4af0-9810-372c2434ea9e" providerId="ADAL" clId="{B2AB6DB9-F97A-D544-94DE-881F7BDA3FE3}" dt="2025-05-20T13:19:18.901" v="3844" actId="14100"/>
          <ac:cxnSpMkLst>
            <pc:docMk/>
            <pc:sldMk cId="1761221211" sldId="276"/>
            <ac:cxnSpMk id="4" creationId="{432206A3-D5E1-9AFF-0390-AD8340DBB0E1}"/>
          </ac:cxnSpMkLst>
        </pc:cxnChg>
        <pc:cxnChg chg="add mod">
          <ac:chgData name="Magnus Westerlund" userId="d1f911fd-f2d9-4af0-9810-372c2434ea9e" providerId="ADAL" clId="{B2AB6DB9-F97A-D544-94DE-881F7BDA3FE3}" dt="2025-05-20T13:19:22.813" v="3845" actId="14100"/>
          <ac:cxnSpMkLst>
            <pc:docMk/>
            <pc:sldMk cId="1761221211" sldId="276"/>
            <ac:cxnSpMk id="6" creationId="{D9D0910E-11F6-4F40-59F2-71BEC871D133}"/>
          </ac:cxnSpMkLst>
        </pc:cxnChg>
        <pc:cxnChg chg="del">
          <ac:chgData name="Magnus Westerlund" userId="d1f911fd-f2d9-4af0-9810-372c2434ea9e" providerId="ADAL" clId="{B2AB6DB9-F97A-D544-94DE-881F7BDA3FE3}" dt="2025-05-20T12:56:23.964" v="3367" actId="478"/>
          <ac:cxnSpMkLst>
            <pc:docMk/>
            <pc:sldMk cId="1761221211" sldId="276"/>
            <ac:cxnSpMk id="13" creationId="{81FD0141-8536-31D9-AC4D-E7F4F6DD306C}"/>
          </ac:cxnSpMkLst>
        </pc:cxnChg>
        <pc:cxnChg chg="del">
          <ac:chgData name="Magnus Westerlund" userId="d1f911fd-f2d9-4af0-9810-372c2434ea9e" providerId="ADAL" clId="{B2AB6DB9-F97A-D544-94DE-881F7BDA3FE3}" dt="2025-05-20T12:56:22.540" v="3366" actId="478"/>
          <ac:cxnSpMkLst>
            <pc:docMk/>
            <pc:sldMk cId="1761221211" sldId="276"/>
            <ac:cxnSpMk id="21" creationId="{36D94D45-B557-3534-C24C-CAFF89A4E6C5}"/>
          </ac:cxnSpMkLst>
        </pc:cxnChg>
        <pc:cxnChg chg="add mod">
          <ac:chgData name="Magnus Westerlund" userId="d1f911fd-f2d9-4af0-9810-372c2434ea9e" providerId="ADAL" clId="{B2AB6DB9-F97A-D544-94DE-881F7BDA3FE3}" dt="2025-05-20T13:19:26.223" v="3846" actId="14100"/>
          <ac:cxnSpMkLst>
            <pc:docMk/>
            <pc:sldMk cId="1761221211" sldId="276"/>
            <ac:cxnSpMk id="23" creationId="{2CDD1704-3603-22A7-AA86-4DE007929306}"/>
          </ac:cxnSpMkLst>
        </pc:cxnChg>
        <pc:cxnChg chg="add del mod">
          <ac:chgData name="Magnus Westerlund" userId="d1f911fd-f2d9-4af0-9810-372c2434ea9e" providerId="ADAL" clId="{B2AB6DB9-F97A-D544-94DE-881F7BDA3FE3}" dt="2025-05-20T13:19:01.477" v="3841" actId="478"/>
          <ac:cxnSpMkLst>
            <pc:docMk/>
            <pc:sldMk cId="1761221211" sldId="276"/>
            <ac:cxnSpMk id="25" creationId="{EDEB6D12-1C6C-2328-C098-71A65F495CBC}"/>
          </ac:cxnSpMkLst>
        </pc:cxnChg>
        <pc:cxnChg chg="del">
          <ac:chgData name="Magnus Westerlund" userId="d1f911fd-f2d9-4af0-9810-372c2434ea9e" providerId="ADAL" clId="{B2AB6DB9-F97A-D544-94DE-881F7BDA3FE3}" dt="2025-05-20T12:56:26.171" v="3368" actId="478"/>
          <ac:cxnSpMkLst>
            <pc:docMk/>
            <pc:sldMk cId="1761221211" sldId="276"/>
            <ac:cxnSpMk id="30" creationId="{CDBF33B2-A2DF-DEC8-6B86-45929E0C7FC7}"/>
          </ac:cxnSpMkLst>
        </pc:cxnChg>
        <pc:cxnChg chg="del">
          <ac:chgData name="Magnus Westerlund" userId="d1f911fd-f2d9-4af0-9810-372c2434ea9e" providerId="ADAL" clId="{B2AB6DB9-F97A-D544-94DE-881F7BDA3FE3}" dt="2025-05-20T12:56:27.408" v="3369" actId="478"/>
          <ac:cxnSpMkLst>
            <pc:docMk/>
            <pc:sldMk cId="1761221211" sldId="276"/>
            <ac:cxnSpMk id="31" creationId="{55CED6AA-7021-E44C-3CFF-35805D1B0793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936238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hoved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657341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DCE651A-36E9-5153-1E23-86B9636472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EEB68CFB-A828-D4EA-B0CD-E5141D8941D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6B0A7484-91A3-21E5-81F6-21EAD14D39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hoved 3">
            <a:extLst>
              <a:ext uri="{FF2B5EF4-FFF2-40B4-BE49-F238E27FC236}">
                <a16:creationId xmlns:a16="http://schemas.microsoft.com/office/drawing/2014/main" id="{11540A43-7DA9-13D4-826F-496BE7D19C90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40D1656E-E174-2BFE-8803-28D485E08FA4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106F22D2-D08A-D074-78AF-17F0C15B9865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F6B0EDAF-6B8B-907F-8D74-2210FC58F37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81690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CDB9EA1-165C-B037-2F6B-0A6D62D4209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790107F9-BBBA-17E9-9091-059AA4E5CD0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0FD732F6-029E-D9B2-0816-66496CF842D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hoved 3">
            <a:extLst>
              <a:ext uri="{FF2B5EF4-FFF2-40B4-BE49-F238E27FC236}">
                <a16:creationId xmlns:a16="http://schemas.microsoft.com/office/drawing/2014/main" id="{DD88AE36-7387-7DC0-A2E3-137B8F47DDB2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281F7854-30AA-334E-1B1A-16989EFDA4CD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4CFFDB29-EAC6-F64C-4875-6B104F571B6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2CA99806-DFC1-9329-5AC8-E2089A581C0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766050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hoved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355621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473B9A5-336A-68F1-7D15-F118434203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26886AFC-8223-840D-E3DB-1E3F8F72169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1B7445B9-730C-A8EB-9056-8AF7A9617FE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hoved 3">
            <a:extLst>
              <a:ext uri="{FF2B5EF4-FFF2-40B4-BE49-F238E27FC236}">
                <a16:creationId xmlns:a16="http://schemas.microsoft.com/office/drawing/2014/main" id="{7FDBE28D-B126-9A88-CB06-3A99A851E844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6A01C143-1F4B-4ADA-C136-9274B9FC5F32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85515FE9-090A-8382-6D13-E673EBDA365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12729006-FCC1-FDB7-9D94-3638EC3F9C1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196919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GB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smaller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8FC9BDE-AACF-FAD9-0569-2308D75B1812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3989B81D-94DE-1159-ADB9-A5A03B074B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627616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2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05FD79D-9BC3-0408-DF33-0CA55CC3DCD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D355044D-CD56-AB10-6CA0-CA0669B9060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886628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Title and 3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09FDE7F6-BBC9-8CC3-CB40-B28724FF07B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D6BED84F-1648-A661-5267-B4AD41FD9C1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394992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44FC84B-7E22-F949-A48C-665D3900E6C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E1FC2882-E07D-F2B8-C050-E922C4080D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449344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CFC6A99-DACF-36D5-6C3E-4DC5345A9049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7AA30C5B-96B9-3D1E-B8FE-49DE04E5387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743222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Pag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103FF1A-D345-1C56-590F-D823A889B028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GB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0EAB151C-EA5D-17DC-B535-00FFB9FD81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23015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8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573FEDA-98AE-F7E3-43DF-75A830443C4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AFF8CACC-7FD5-4CBA-651F-A83C83174BD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220952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2" name="image">
            <a:extLst>
              <a:ext uri="{FF2B5EF4-FFF2-40B4-BE49-F238E27FC236}">
                <a16:creationId xmlns:a16="http://schemas.microsoft.com/office/drawing/2014/main" id="{3DDE3DF2-4191-6EC8-7BFC-F1AAA9CFC1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59975"/>
            <a:ext cx="2120176" cy="21211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000C8FCC-57E5-3E43-E21A-B3EDA1DB3E60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6944A971-8DF1-600E-1D36-CB1EC2440F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60680"/>
            <a:ext cx="2119473" cy="2120400"/>
          </a:xfrm>
          <a:prstGeom prst="rect">
            <a:avLst/>
          </a:prstGeom>
        </p:spPr>
      </p:pic>
      <p:sp>
        <p:nvSpPr>
          <p:cNvPr id="2" name="SubTitle_TM">
            <a:extLst>
              <a:ext uri="{FF2B5EF4-FFF2-40B4-BE49-F238E27FC236}">
                <a16:creationId xmlns:a16="http://schemas.microsoft.com/office/drawing/2014/main" id="{FCF1ABC6-0A4C-6C18-E8A5-415153FD00B6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271482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78DD11F5-924D-4907-D01E-DCB632C069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Only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9A6888F-AC26-BA8F-0055-E808E294C9D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561136CD-F1DB-03FC-F814-EFB4397772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8620447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7697191-0A85-B8C8-9EEC-2BBBCA05BA94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74D3F1FB-D06C-DBD1-2450-16F10900A58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623865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1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ADDB58AC-4EFC-E7F9-0735-7729D36BFF82}"/>
              </a:ext>
            </a:extLst>
          </p:cNvPr>
          <p:cNvPicPr>
            <a:picLocks noChangeAspect="1"/>
          </p:cNvPicPr>
          <p:nvPr userDrawn="1"/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10" r:id="rId2"/>
    <p:sldLayoutId id="2147483707" r:id="rId3"/>
    <p:sldLayoutId id="2147483709" r:id="rId4"/>
    <p:sldLayoutId id="2147483673" r:id="rId5"/>
    <p:sldLayoutId id="2147483712" r:id="rId6"/>
    <p:sldLayoutId id="2147483706" r:id="rId7"/>
    <p:sldLayoutId id="2147483713" r:id="rId8"/>
    <p:sldLayoutId id="2147483694" r:id="rId9"/>
    <p:sldLayoutId id="2147483714" r:id="rId10"/>
    <p:sldLayoutId id="2147483675" r:id="rId11"/>
    <p:sldLayoutId id="2147483716" r:id="rId12"/>
    <p:sldLayoutId id="2147483696" r:id="rId13"/>
    <p:sldLayoutId id="2147483715" r:id="rId14"/>
    <p:sldLayoutId id="2147483678" r:id="rId15"/>
    <p:sldLayoutId id="2147483717" r:id="rId16"/>
    <p:sldLayoutId id="2147483690" r:id="rId17"/>
    <p:sldLayoutId id="2147483718" r:id="rId18"/>
    <p:sldLayoutId id="2147483681" r:id="rId19"/>
    <p:sldLayoutId id="2147483719" r:id="rId20"/>
    <p:sldLayoutId id="2147483692" r:id="rId21"/>
    <p:sldLayoutId id="2147483720" r:id="rId22"/>
    <p:sldLayoutId id="2147483705" r:id="rId2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4" Type="http://schemas.openxmlformats.org/officeDocument/2006/relationships/notesSlide" Target="../notesSlides/notesSlide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4" Type="http://schemas.openxmlformats.org/officeDocument/2006/relationships/notesSlide" Target="../notesSlides/notesSlide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ln>
            <a:noFill/>
          </a:ln>
        </p:spPr>
        <p:txBody>
          <a:bodyPr/>
          <a:lstStyle/>
          <a:p>
            <a:r>
              <a:rPr lang="en-US" dirty="0"/>
              <a:t>Discussion of Restart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ln>
            <a:noFill/>
          </a:ln>
        </p:spPr>
        <p:txBody>
          <a:bodyPr/>
          <a:lstStyle/>
          <a:p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  <a:ln>
            <a:noFill/>
          </a:ln>
        </p:spPr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  <a:ln>
            <a:noFill/>
          </a:ln>
        </p:spPr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oken based restart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2014E32-EE96-A85F-38EB-863702117CB3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Token is a derived secret from the first key-management DTLS connection using a specific TLS exporter label</a:t>
            </a:r>
          </a:p>
          <a:p>
            <a:endParaRPr lang="en-US" dirty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84CB3410-CE5C-E10E-74A2-CCA3F595B878}"/>
              </a:ext>
            </a:extLst>
          </p:cNvPr>
          <p:cNvCxnSpPr/>
          <p:nvPr/>
        </p:nvCxnSpPr>
        <p:spPr bwMode="auto">
          <a:xfrm>
            <a:off x="7187609" y="1844675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CB673F3D-B3C0-F2D4-4B6A-2C716F4EC0DA}"/>
              </a:ext>
            </a:extLst>
          </p:cNvPr>
          <p:cNvCxnSpPr/>
          <p:nvPr/>
        </p:nvCxnSpPr>
        <p:spPr bwMode="auto">
          <a:xfrm>
            <a:off x="10534621" y="1844675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7D824813-E7CD-88EC-5A14-54239F7AD5EA}"/>
              </a:ext>
            </a:extLst>
          </p:cNvPr>
          <p:cNvSpPr txBox="1"/>
          <p:nvPr/>
        </p:nvSpPr>
        <p:spPr>
          <a:xfrm>
            <a:off x="6667017" y="1238491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Restarting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CDFCA52-A5BD-57B5-0B4C-D309070F7865}"/>
              </a:ext>
            </a:extLst>
          </p:cNvPr>
          <p:cNvSpPr txBox="1"/>
          <p:nvPr/>
        </p:nvSpPr>
        <p:spPr>
          <a:xfrm>
            <a:off x="10068922" y="1238491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Peer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53D4F6C7-012F-832B-CBE3-58D6D3F769AD}"/>
              </a:ext>
            </a:extLst>
          </p:cNvPr>
          <p:cNvCxnSpPr/>
          <p:nvPr/>
        </p:nvCxnSpPr>
        <p:spPr bwMode="auto">
          <a:xfrm>
            <a:off x="7187609" y="2083443"/>
            <a:ext cx="3347012" cy="428263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80132869-0CF8-3ADC-0600-4C3EBA1BC8CB}"/>
              </a:ext>
            </a:extLst>
          </p:cNvPr>
          <p:cNvSpPr txBox="1"/>
          <p:nvPr/>
        </p:nvSpPr>
        <p:spPr>
          <a:xfrm>
            <a:off x="7928656" y="1844675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: Token</a:t>
            </a:r>
          </a:p>
        </p:txBody>
      </p: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9EE0E51A-65F8-4ED1-8853-BBDA88BCB37A}"/>
              </a:ext>
            </a:extLst>
          </p:cNvPr>
          <p:cNvCxnSpPr>
            <a:cxnSpLocks/>
          </p:cNvCxnSpPr>
          <p:nvPr/>
        </p:nvCxnSpPr>
        <p:spPr bwMode="auto">
          <a:xfrm flipH="1">
            <a:off x="7155274" y="2750474"/>
            <a:ext cx="3379346" cy="221285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8" name="TextBox 17">
            <a:extLst>
              <a:ext uri="{FF2B5EF4-FFF2-40B4-BE49-F238E27FC236}">
                <a16:creationId xmlns:a16="http://schemas.microsoft.com/office/drawing/2014/main" id="{EBDDC9EC-2766-277A-4838-2E009BDEC4EF}"/>
              </a:ext>
            </a:extLst>
          </p:cNvPr>
          <p:cNvSpPr txBox="1"/>
          <p:nvPr/>
        </p:nvSpPr>
        <p:spPr>
          <a:xfrm>
            <a:off x="8055264" y="2425828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-ACK: State cookie</a:t>
            </a: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6D5C6B36-9A59-6E97-7B7E-B1C2030EFF26}"/>
              </a:ext>
            </a:extLst>
          </p:cNvPr>
          <p:cNvCxnSpPr>
            <a:cxnSpLocks/>
          </p:cNvCxnSpPr>
          <p:nvPr/>
        </p:nvCxnSpPr>
        <p:spPr bwMode="auto">
          <a:xfrm>
            <a:off x="7187609" y="3398909"/>
            <a:ext cx="3328952" cy="20995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FAEBE545-7511-4F2C-5ED0-02388FDAA13D}"/>
              </a:ext>
            </a:extLst>
          </p:cNvPr>
          <p:cNvSpPr txBox="1"/>
          <p:nvPr/>
        </p:nvSpPr>
        <p:spPr>
          <a:xfrm>
            <a:off x="10661230" y="2083443"/>
            <a:ext cx="1528837" cy="1147381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oken OK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ending response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Encoding 5-tuple </a:t>
            </a:r>
            <a:b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 state cookie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CA020C3B-3413-2F19-30D6-11BE7E19AAAE}"/>
              </a:ext>
            </a:extLst>
          </p:cNvPr>
          <p:cNvSpPr txBox="1"/>
          <p:nvPr/>
        </p:nvSpPr>
        <p:spPr>
          <a:xfrm>
            <a:off x="7991601" y="3020777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Echo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345DD70E-EF3C-48FF-BDB6-B71F62BA21D6}"/>
              </a:ext>
            </a:extLst>
          </p:cNvPr>
          <p:cNvSpPr txBox="1"/>
          <p:nvPr/>
        </p:nvSpPr>
        <p:spPr>
          <a:xfrm>
            <a:off x="8011787" y="3623102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Ack</a:t>
            </a: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342135F8-483C-D233-B41D-46C2EF34D346}"/>
              </a:ext>
            </a:extLst>
          </p:cNvPr>
          <p:cNvCxnSpPr>
            <a:cxnSpLocks/>
          </p:cNvCxnSpPr>
          <p:nvPr/>
        </p:nvCxnSpPr>
        <p:spPr bwMode="auto">
          <a:xfrm flipH="1">
            <a:off x="7191774" y="3896202"/>
            <a:ext cx="3302562" cy="214511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4DC13455-B46E-5EAE-7385-D0F5B2C29980}"/>
              </a:ext>
            </a:extLst>
          </p:cNvPr>
          <p:cNvCxnSpPr>
            <a:cxnSpLocks/>
          </p:cNvCxnSpPr>
          <p:nvPr/>
        </p:nvCxnSpPr>
        <p:spPr bwMode="auto">
          <a:xfrm>
            <a:off x="7193396" y="4647674"/>
            <a:ext cx="3317378" cy="21487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FAFE3ABD-AE9F-1052-5771-8759ADC34BF6}"/>
              </a:ext>
            </a:extLst>
          </p:cNvPr>
          <p:cNvSpPr txBox="1"/>
          <p:nvPr/>
        </p:nvSpPr>
        <p:spPr>
          <a:xfrm>
            <a:off x="10740411" y="4747188"/>
            <a:ext cx="1747463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DTLS Handshake</a:t>
            </a: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6A6B7512-93C6-3BF9-7D69-19C7AD588548}"/>
              </a:ext>
            </a:extLst>
          </p:cNvPr>
          <p:cNvCxnSpPr>
            <a:cxnSpLocks/>
          </p:cNvCxnSpPr>
          <p:nvPr/>
        </p:nvCxnSpPr>
        <p:spPr bwMode="auto">
          <a:xfrm flipH="1">
            <a:off x="7155274" y="4943015"/>
            <a:ext cx="3339062" cy="202961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5AA73A21-5073-ADC1-2C96-FE8FC7E72FA7}"/>
              </a:ext>
            </a:extLst>
          </p:cNvPr>
          <p:cNvCxnSpPr>
            <a:cxnSpLocks/>
          </p:cNvCxnSpPr>
          <p:nvPr/>
        </p:nvCxnSpPr>
        <p:spPr bwMode="auto">
          <a:xfrm>
            <a:off x="7167467" y="5256560"/>
            <a:ext cx="3385215" cy="22094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CEF7E79B-83F4-09E0-402E-AA5A144E6854}"/>
              </a:ext>
            </a:extLst>
          </p:cNvPr>
          <p:cNvCxnSpPr>
            <a:cxnSpLocks/>
          </p:cNvCxnSpPr>
          <p:nvPr/>
        </p:nvCxnSpPr>
        <p:spPr bwMode="auto">
          <a:xfrm>
            <a:off x="7193396" y="5527703"/>
            <a:ext cx="3317378" cy="21487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35B4F417-5781-7D33-6E1A-5E85C6F8B069}"/>
              </a:ext>
            </a:extLst>
          </p:cNvPr>
          <p:cNvCxnSpPr>
            <a:cxnSpLocks/>
          </p:cNvCxnSpPr>
          <p:nvPr/>
        </p:nvCxnSpPr>
        <p:spPr bwMode="auto">
          <a:xfrm flipH="1">
            <a:off x="7155274" y="5823044"/>
            <a:ext cx="3339062" cy="202961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0DD7AC53-9F3E-6F50-E26C-D14E9A926F30}"/>
              </a:ext>
            </a:extLst>
          </p:cNvPr>
          <p:cNvSpPr txBox="1"/>
          <p:nvPr/>
        </p:nvSpPr>
        <p:spPr>
          <a:xfrm>
            <a:off x="10574907" y="5619509"/>
            <a:ext cx="1747463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Validation</a:t>
            </a:r>
          </a:p>
        </p:txBody>
      </p:sp>
      <p:sp>
        <p:nvSpPr>
          <p:cNvPr id="38" name="Right Brace 37">
            <a:extLst>
              <a:ext uri="{FF2B5EF4-FFF2-40B4-BE49-F238E27FC236}">
                <a16:creationId xmlns:a16="http://schemas.microsoft.com/office/drawing/2014/main" id="{A1F9E876-ACE1-5278-391A-42C69FD2E11D}"/>
              </a:ext>
            </a:extLst>
          </p:cNvPr>
          <p:cNvSpPr/>
          <p:nvPr/>
        </p:nvSpPr>
        <p:spPr bwMode="auto">
          <a:xfrm>
            <a:off x="10574908" y="4647674"/>
            <a:ext cx="230374" cy="880029"/>
          </a:xfrm>
          <a:prstGeom prst="rightBrace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308993D-5E9C-8E58-DB7D-3312217DAB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220566C6-73C2-F1CD-1F11-3D4CB79C78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oken based restart shortcomings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25D9CBB8-BCC4-D58C-24E7-7F6D7E264678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9425" y="1844674"/>
            <a:ext cx="4385173" cy="4537075"/>
          </a:xfrm>
        </p:spPr>
        <p:txBody>
          <a:bodyPr>
            <a:normAutofit lnSpcReduction="10000"/>
          </a:bodyPr>
          <a:lstStyle/>
          <a:p>
            <a:r>
              <a:rPr lang="en-US" dirty="0"/>
              <a:t>On path attacker that can capture and race Init can fail restart</a:t>
            </a:r>
          </a:p>
          <a:p>
            <a:pPr lvl="1"/>
            <a:r>
              <a:rPr lang="en-US" dirty="0"/>
              <a:t>Attacker can capture token</a:t>
            </a:r>
          </a:p>
          <a:p>
            <a:pPr lvl="1"/>
            <a:r>
              <a:rPr lang="en-US" dirty="0"/>
              <a:t>Attacker’s Init reach peer first</a:t>
            </a:r>
          </a:p>
          <a:p>
            <a:pPr lvl="2"/>
            <a:r>
              <a:rPr lang="en-US" dirty="0"/>
              <a:t>Drop original or having shorter path from point of capture to Peer</a:t>
            </a:r>
          </a:p>
          <a:p>
            <a:pPr lvl="2"/>
            <a:r>
              <a:rPr lang="en-US" dirty="0"/>
              <a:t>Change restarting port allowed?</a:t>
            </a:r>
          </a:p>
          <a:p>
            <a:r>
              <a:rPr lang="en-US" dirty="0"/>
              <a:t>Restarting Nodes Token that arrive after rebinding of 5-tuple expected to be dropped as token has been consumed.</a:t>
            </a:r>
          </a:p>
          <a:p>
            <a:r>
              <a:rPr lang="en-US" dirty="0"/>
              <a:t>Restarting node would have to do full restart -&gt; Restarts the </a:t>
            </a:r>
            <a:r>
              <a:rPr lang="en-US" dirty="0" err="1"/>
              <a:t>gNB</a:t>
            </a:r>
            <a:endParaRPr lang="en-US" dirty="0"/>
          </a:p>
          <a:p>
            <a:pPr lvl="1"/>
            <a:endParaRPr lang="en-US" dirty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DD5CBE76-54D0-7B9D-6DD9-CFE13B5A6964}"/>
              </a:ext>
            </a:extLst>
          </p:cNvPr>
          <p:cNvCxnSpPr/>
          <p:nvPr/>
        </p:nvCxnSpPr>
        <p:spPr bwMode="auto">
          <a:xfrm>
            <a:off x="5605650" y="1872044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96795396-9E99-EAC4-6F04-33F1BFBA3E2D}"/>
              </a:ext>
            </a:extLst>
          </p:cNvPr>
          <p:cNvCxnSpPr/>
          <p:nvPr/>
        </p:nvCxnSpPr>
        <p:spPr bwMode="auto">
          <a:xfrm>
            <a:off x="10214302" y="1872044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16B4849E-B52C-16D6-FED6-7FB8E2DDF202}"/>
              </a:ext>
            </a:extLst>
          </p:cNvPr>
          <p:cNvSpPr txBox="1"/>
          <p:nvPr/>
        </p:nvSpPr>
        <p:spPr>
          <a:xfrm>
            <a:off x="5085058" y="1265860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Restarting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911826B-A237-AE66-4270-6226FDA89EE0}"/>
              </a:ext>
            </a:extLst>
          </p:cNvPr>
          <p:cNvSpPr txBox="1"/>
          <p:nvPr/>
        </p:nvSpPr>
        <p:spPr>
          <a:xfrm>
            <a:off x="9657244" y="1227891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Peer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36EE75A9-E603-5449-D8E9-74DD1546708B}"/>
              </a:ext>
            </a:extLst>
          </p:cNvPr>
          <p:cNvCxnSpPr>
            <a:cxnSpLocks/>
          </p:cNvCxnSpPr>
          <p:nvPr/>
        </p:nvCxnSpPr>
        <p:spPr bwMode="auto">
          <a:xfrm>
            <a:off x="5605650" y="2110812"/>
            <a:ext cx="4608652" cy="764318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D2FB61FF-EF5A-2AED-E98E-C3D6D5A00057}"/>
              </a:ext>
            </a:extLst>
          </p:cNvPr>
          <p:cNvSpPr txBox="1"/>
          <p:nvPr/>
        </p:nvSpPr>
        <p:spPr>
          <a:xfrm>
            <a:off x="6346697" y="1872044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: Token</a:t>
            </a:r>
          </a:p>
        </p:txBody>
      </p: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97966B83-EA36-5B3B-5645-0EEBD35A5F3A}"/>
              </a:ext>
            </a:extLst>
          </p:cNvPr>
          <p:cNvCxnSpPr>
            <a:cxnSpLocks/>
          </p:cNvCxnSpPr>
          <p:nvPr/>
        </p:nvCxnSpPr>
        <p:spPr bwMode="auto">
          <a:xfrm flipH="1">
            <a:off x="7864659" y="2626801"/>
            <a:ext cx="2303148" cy="335174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accent6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8" name="TextBox 17">
            <a:extLst>
              <a:ext uri="{FF2B5EF4-FFF2-40B4-BE49-F238E27FC236}">
                <a16:creationId xmlns:a16="http://schemas.microsoft.com/office/drawing/2014/main" id="{26E6191E-26CD-416A-FFB2-A9770AAAFC73}"/>
              </a:ext>
            </a:extLst>
          </p:cNvPr>
          <p:cNvSpPr txBox="1"/>
          <p:nvPr/>
        </p:nvSpPr>
        <p:spPr>
          <a:xfrm>
            <a:off x="6473305" y="2453197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-ACK: State Cookie</a:t>
            </a: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892C3478-CBB9-4BD5-D362-2ECF1BAF3130}"/>
              </a:ext>
            </a:extLst>
          </p:cNvPr>
          <p:cNvCxnSpPr>
            <a:cxnSpLocks/>
          </p:cNvCxnSpPr>
          <p:nvPr/>
        </p:nvCxnSpPr>
        <p:spPr bwMode="auto">
          <a:xfrm>
            <a:off x="7891201" y="3184634"/>
            <a:ext cx="2323101" cy="297868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58004015-F5E3-A3F9-A7C1-24E1C321EA14}"/>
              </a:ext>
            </a:extLst>
          </p:cNvPr>
          <p:cNvSpPr txBox="1"/>
          <p:nvPr/>
        </p:nvSpPr>
        <p:spPr>
          <a:xfrm>
            <a:off x="6409642" y="3048146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Echo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A53C417B-8EA9-1DA0-AA31-9BCE4E3C58A3}"/>
              </a:ext>
            </a:extLst>
          </p:cNvPr>
          <p:cNvSpPr txBox="1"/>
          <p:nvPr/>
        </p:nvSpPr>
        <p:spPr>
          <a:xfrm>
            <a:off x="6429828" y="3650471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Ack</a:t>
            </a: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17082CAA-B5FA-EC5D-1E4E-EC1E789EDD47}"/>
              </a:ext>
            </a:extLst>
          </p:cNvPr>
          <p:cNvCxnSpPr>
            <a:cxnSpLocks/>
          </p:cNvCxnSpPr>
          <p:nvPr/>
        </p:nvCxnSpPr>
        <p:spPr bwMode="auto">
          <a:xfrm flipH="1">
            <a:off x="7891201" y="3586448"/>
            <a:ext cx="2291433" cy="22850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B3B9181-8CEE-E1D1-7AAE-AC9F4E2221DE}"/>
              </a:ext>
            </a:extLst>
          </p:cNvPr>
          <p:cNvCxnSpPr/>
          <p:nvPr/>
        </p:nvCxnSpPr>
        <p:spPr bwMode="auto">
          <a:xfrm>
            <a:off x="7891201" y="1841823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7F7E0795-CFA3-CFDD-CDA5-233EB97DC608}"/>
              </a:ext>
            </a:extLst>
          </p:cNvPr>
          <p:cNvSpPr txBox="1"/>
          <p:nvPr/>
        </p:nvSpPr>
        <p:spPr>
          <a:xfrm>
            <a:off x="7387705" y="1265860"/>
            <a:ext cx="1050239" cy="56821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ttacker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8ED09609-FBE3-EF31-4739-C70B221DC7D8}"/>
              </a:ext>
            </a:extLst>
          </p:cNvPr>
          <p:cNvCxnSpPr/>
          <p:nvPr/>
        </p:nvCxnSpPr>
        <p:spPr bwMode="auto">
          <a:xfrm>
            <a:off x="7911387" y="2463370"/>
            <a:ext cx="2302915" cy="12668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accent6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CE14019C-691D-93E4-124B-625170A8105D}"/>
              </a:ext>
            </a:extLst>
          </p:cNvPr>
          <p:cNvSpPr txBox="1"/>
          <p:nvPr/>
        </p:nvSpPr>
        <p:spPr>
          <a:xfrm>
            <a:off x="10340911" y="2071107"/>
            <a:ext cx="1528837" cy="1147381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oken OK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ending response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5-tuple in State cookie</a:t>
            </a:r>
            <a:endParaRPr kumimoji="0" lang="en-US" sz="14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ED823F5-41B7-E86A-B9A3-5E31F7F3E5A5}"/>
              </a:ext>
            </a:extLst>
          </p:cNvPr>
          <p:cNvSpPr txBox="1"/>
          <p:nvPr/>
        </p:nvSpPr>
        <p:spPr>
          <a:xfrm>
            <a:off x="8102278" y="4238559"/>
            <a:ext cx="3113590" cy="144461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DTLS Handshake would fail as attacker can’t identify as expected ID.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BA038C68-1751-BDB9-2BB7-D44FF46FA0CA}"/>
              </a:ext>
            </a:extLst>
          </p:cNvPr>
          <p:cNvSpPr txBox="1"/>
          <p:nvPr/>
        </p:nvSpPr>
        <p:spPr>
          <a:xfrm>
            <a:off x="10112844" y="2708308"/>
            <a:ext cx="456131" cy="45123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X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336EF7BB-F051-2FB3-66A7-E61C97687B38}"/>
              </a:ext>
            </a:extLst>
          </p:cNvPr>
          <p:cNvSpPr txBox="1"/>
          <p:nvPr/>
        </p:nvSpPr>
        <p:spPr>
          <a:xfrm>
            <a:off x="10340908" y="3333568"/>
            <a:ext cx="1528823" cy="48138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CTP Association restarte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3251526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E2D267-FDF4-ABEE-2596-19C8E32A4E3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C8A804E-0EE7-1D65-C259-EC31DE79C60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tart with Ericsson like proposa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4DB996E-F85E-12F9-E62E-F0BC92291E3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9426" y="1844675"/>
            <a:ext cx="4960676" cy="4392612"/>
          </a:xfrm>
        </p:spPr>
        <p:txBody>
          <a:bodyPr/>
          <a:lstStyle/>
          <a:p>
            <a:r>
              <a:rPr lang="en-US" dirty="0"/>
              <a:t>Generate Restart specific key-material, see next slide</a:t>
            </a:r>
          </a:p>
          <a:p>
            <a:r>
              <a:rPr lang="en-US" dirty="0"/>
              <a:t>Restarting side sends Init and gets back Init-Ack with Peer nodes state cookie. </a:t>
            </a:r>
          </a:p>
          <a:p>
            <a:r>
              <a:rPr lang="en-US" dirty="0"/>
              <a:t>Restarting sends DTLS chunk protected Cookie Echo using restart key-context</a:t>
            </a:r>
          </a:p>
          <a:p>
            <a:r>
              <a:rPr lang="en-US" dirty="0"/>
              <a:t>Peer Node answers using DTLS chunk using restart key</a:t>
            </a:r>
          </a:p>
          <a:p>
            <a:r>
              <a:rPr lang="en-US" dirty="0"/>
              <a:t>Entering Protected</a:t>
            </a:r>
          </a:p>
          <a:p>
            <a:r>
              <a:rPr lang="en-US" dirty="0"/>
              <a:t>Run new Key-management handshake and switch to regular key context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C064E49E-B5B3-3CF0-A6E7-9A939F0E198B}"/>
              </a:ext>
            </a:extLst>
          </p:cNvPr>
          <p:cNvCxnSpPr/>
          <p:nvPr/>
        </p:nvCxnSpPr>
        <p:spPr bwMode="auto">
          <a:xfrm>
            <a:off x="5927902" y="2201491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B5612417-4F3A-4EF3-154C-FCDFEC7996CC}"/>
              </a:ext>
            </a:extLst>
          </p:cNvPr>
          <p:cNvCxnSpPr/>
          <p:nvPr/>
        </p:nvCxnSpPr>
        <p:spPr bwMode="auto">
          <a:xfrm>
            <a:off x="10536554" y="2201491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73F12F59-57B9-3932-73CE-9C2B89578120}"/>
              </a:ext>
            </a:extLst>
          </p:cNvPr>
          <p:cNvSpPr txBox="1"/>
          <p:nvPr/>
        </p:nvSpPr>
        <p:spPr>
          <a:xfrm>
            <a:off x="5407310" y="1595307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Restarting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10B457A-4E60-CCE3-4C21-FF3646DB768E}"/>
              </a:ext>
            </a:extLst>
          </p:cNvPr>
          <p:cNvSpPr txBox="1"/>
          <p:nvPr/>
        </p:nvSpPr>
        <p:spPr>
          <a:xfrm>
            <a:off x="9979496" y="1557338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Peer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4DD16BB-D64A-0A3D-A6B4-DA1669AD3202}"/>
              </a:ext>
            </a:extLst>
          </p:cNvPr>
          <p:cNvCxnSpPr>
            <a:cxnSpLocks/>
          </p:cNvCxnSpPr>
          <p:nvPr/>
        </p:nvCxnSpPr>
        <p:spPr bwMode="auto">
          <a:xfrm>
            <a:off x="5927902" y="2440259"/>
            <a:ext cx="4608652" cy="554855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C96342F8-7FE0-B885-C27A-82DE3B3AEDE8}"/>
              </a:ext>
            </a:extLst>
          </p:cNvPr>
          <p:cNvSpPr txBox="1"/>
          <p:nvPr/>
        </p:nvSpPr>
        <p:spPr>
          <a:xfrm>
            <a:off x="6668949" y="220149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: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8AF873F-053D-985A-3BE0-803D7A4490C4}"/>
              </a:ext>
            </a:extLst>
          </p:cNvPr>
          <p:cNvSpPr txBox="1"/>
          <p:nvPr/>
        </p:nvSpPr>
        <p:spPr>
          <a:xfrm>
            <a:off x="6805381" y="293363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-ACK:</a:t>
            </a: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6B179A5B-3D9E-5128-4414-B2B23C4B2BB8}"/>
              </a:ext>
            </a:extLst>
          </p:cNvPr>
          <p:cNvCxnSpPr>
            <a:cxnSpLocks/>
          </p:cNvCxnSpPr>
          <p:nvPr/>
        </p:nvCxnSpPr>
        <p:spPr bwMode="auto">
          <a:xfrm>
            <a:off x="5921757" y="3697772"/>
            <a:ext cx="4592358" cy="561052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6CDD9F30-A82E-922C-3251-CC06C8A90B62}"/>
              </a:ext>
            </a:extLst>
          </p:cNvPr>
          <p:cNvSpPr txBox="1"/>
          <p:nvPr/>
        </p:nvSpPr>
        <p:spPr>
          <a:xfrm>
            <a:off x="8294597" y="3563922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Echo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BD02D72C-E1FA-68D5-0D34-79E5A6BB5C05}"/>
              </a:ext>
            </a:extLst>
          </p:cNvPr>
          <p:cNvSpPr txBox="1"/>
          <p:nvPr/>
        </p:nvSpPr>
        <p:spPr>
          <a:xfrm>
            <a:off x="6573973" y="4336710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Ack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291C78C5-64AF-D286-126A-A98B84AD11CF}"/>
              </a:ext>
            </a:extLst>
          </p:cNvPr>
          <p:cNvCxnSpPr>
            <a:cxnSpLocks/>
          </p:cNvCxnSpPr>
          <p:nvPr/>
        </p:nvCxnSpPr>
        <p:spPr bwMode="auto">
          <a:xfrm flipH="1">
            <a:off x="5950342" y="4397797"/>
            <a:ext cx="4606166" cy="54559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65EB9888-8280-B64C-F250-8B940FD0BFC7}"/>
              </a:ext>
            </a:extLst>
          </p:cNvPr>
          <p:cNvCxnSpPr/>
          <p:nvPr/>
        </p:nvCxnSpPr>
        <p:spPr bwMode="auto">
          <a:xfrm>
            <a:off x="8213453" y="2171270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0ECBC063-E1B5-0B02-49C9-15304D3CE8A1}"/>
              </a:ext>
            </a:extLst>
          </p:cNvPr>
          <p:cNvSpPr txBox="1"/>
          <p:nvPr/>
        </p:nvSpPr>
        <p:spPr>
          <a:xfrm>
            <a:off x="7709957" y="1595307"/>
            <a:ext cx="1050239" cy="56821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ttacker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F5D30A4B-B53C-4984-1B8F-6EB400AB80EA}"/>
              </a:ext>
            </a:extLst>
          </p:cNvPr>
          <p:cNvSpPr txBox="1"/>
          <p:nvPr/>
        </p:nvSpPr>
        <p:spPr>
          <a:xfrm>
            <a:off x="10560292" y="2741773"/>
            <a:ext cx="1528837" cy="824431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ate Cookie </a:t>
            </a:r>
            <a:b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restarting 5-tuple</a:t>
            </a: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966B1D58-9221-531D-BD5A-289B0FFC88DE}"/>
              </a:ext>
            </a:extLst>
          </p:cNvPr>
          <p:cNvCxnSpPr>
            <a:cxnSpLocks/>
          </p:cNvCxnSpPr>
          <p:nvPr/>
        </p:nvCxnSpPr>
        <p:spPr bwMode="auto">
          <a:xfrm flipH="1">
            <a:off x="5943737" y="3084450"/>
            <a:ext cx="4538710" cy="524813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A1D0DF43-51D8-1056-0BB8-1B121534F352}"/>
              </a:ext>
            </a:extLst>
          </p:cNvPr>
          <p:cNvSpPr txBox="1"/>
          <p:nvPr/>
        </p:nvSpPr>
        <p:spPr>
          <a:xfrm>
            <a:off x="10637651" y="3945449"/>
            <a:ext cx="1747779" cy="199587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ccept restart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DTLS chunk decrypt and state cookie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ok + matches 5-tuple</a:t>
            </a:r>
          </a:p>
        </p:txBody>
      </p:sp>
      <p:cxnSp>
        <p:nvCxnSpPr>
          <p:cNvPr id="4" name="Straight Arrow Connector 3">
            <a:extLst>
              <a:ext uri="{FF2B5EF4-FFF2-40B4-BE49-F238E27FC236}">
                <a16:creationId xmlns:a16="http://schemas.microsoft.com/office/drawing/2014/main" id="{432206A3-D5E1-9AFF-0390-AD8340DBB0E1}"/>
              </a:ext>
            </a:extLst>
          </p:cNvPr>
          <p:cNvCxnSpPr>
            <a:cxnSpLocks/>
          </p:cNvCxnSpPr>
          <p:nvPr/>
        </p:nvCxnSpPr>
        <p:spPr bwMode="auto">
          <a:xfrm>
            <a:off x="5924660" y="5143276"/>
            <a:ext cx="4631848" cy="315082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A7E95280-7A3A-B949-4207-43C1DA98134A}"/>
              </a:ext>
            </a:extLst>
          </p:cNvPr>
          <p:cNvSpPr txBox="1"/>
          <p:nvPr/>
        </p:nvSpPr>
        <p:spPr>
          <a:xfrm>
            <a:off x="8213092" y="4935499"/>
            <a:ext cx="1747463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DTLS Handshake</a:t>
            </a:r>
          </a:p>
        </p:txBody>
      </p:sp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D9D0910E-11F6-4F40-59F2-71BEC871D133}"/>
              </a:ext>
            </a:extLst>
          </p:cNvPr>
          <p:cNvCxnSpPr>
            <a:cxnSpLocks/>
          </p:cNvCxnSpPr>
          <p:nvPr/>
        </p:nvCxnSpPr>
        <p:spPr bwMode="auto">
          <a:xfrm flipH="1">
            <a:off x="5886538" y="5541683"/>
            <a:ext cx="4626279" cy="99895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2CDD1704-3603-22A7-AA86-4DE007929306}"/>
              </a:ext>
            </a:extLst>
          </p:cNvPr>
          <p:cNvCxnSpPr>
            <a:cxnSpLocks/>
          </p:cNvCxnSpPr>
          <p:nvPr/>
        </p:nvCxnSpPr>
        <p:spPr bwMode="auto">
          <a:xfrm>
            <a:off x="5898731" y="5752162"/>
            <a:ext cx="4657777" cy="9137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6122121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4EB6E49-B761-6DFB-C1AF-65AF4FD60C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ricsson Restart when integrated with updated DTLS Chunk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DCB3B8C-CC74-0A06-0F6A-BACF8AA76856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Key material for restart</a:t>
            </a:r>
          </a:p>
          <a:p>
            <a:pPr lvl="1"/>
            <a:r>
              <a:rPr lang="en-US" dirty="0"/>
              <a:t>Make key-derivation from key-management session</a:t>
            </a:r>
          </a:p>
          <a:p>
            <a:pPr lvl="1"/>
            <a:r>
              <a:rPr lang="en-US" dirty="0"/>
              <a:t>Use restart indicator in DTLS chunk combined with DTLS record with (DTLS Connection ID if used) + epoch to identify actual key for SCTP association.</a:t>
            </a:r>
          </a:p>
          <a:p>
            <a:r>
              <a:rPr lang="en-US" dirty="0"/>
              <a:t>Restart needs to be rekeyed also to ensure that latest re-authentication is basis for key-material</a:t>
            </a:r>
          </a:p>
          <a:p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CDA6F21-1F33-6F2C-93E1-15DEFF616839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570134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311BB8-62ED-B713-D33B-08585AA30A5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tart with Ericsson like proposa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9BBD110-D562-B8A2-4BAA-69553C7BC99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9426" y="1844675"/>
            <a:ext cx="4960676" cy="4392612"/>
          </a:xfrm>
        </p:spPr>
        <p:txBody>
          <a:bodyPr/>
          <a:lstStyle/>
          <a:p>
            <a:r>
              <a:rPr lang="en-US" dirty="0"/>
              <a:t>We can’t prevent an attacker to create a trombone route through the attacker when restarting if they can on-path drop packets</a:t>
            </a:r>
          </a:p>
          <a:p>
            <a:r>
              <a:rPr lang="en-US" dirty="0"/>
              <a:t>If attacker only can race the restarting node’s packet then restarting node should be able to complete restart.</a:t>
            </a:r>
          </a:p>
          <a:p>
            <a:r>
              <a:rPr lang="en-US" dirty="0"/>
              <a:t>Need to prevent the restart to fail if the attacker lets the packets through</a:t>
            </a:r>
          </a:p>
          <a:p>
            <a:r>
              <a:rPr lang="en-US" dirty="0"/>
              <a:t>Restarting nodes IP address as seen from peer need to be included in state cookie to prevent attacker being able copy DTLS chunk in Cookie Echo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798DF24B-3013-6B52-0127-7E94016DB640}"/>
              </a:ext>
            </a:extLst>
          </p:cNvPr>
          <p:cNvCxnSpPr/>
          <p:nvPr/>
        </p:nvCxnSpPr>
        <p:spPr bwMode="auto">
          <a:xfrm>
            <a:off x="5927902" y="2201491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5ABE11D4-7DF0-2FA6-E270-5E59C279B2AF}"/>
              </a:ext>
            </a:extLst>
          </p:cNvPr>
          <p:cNvCxnSpPr/>
          <p:nvPr/>
        </p:nvCxnSpPr>
        <p:spPr bwMode="auto">
          <a:xfrm>
            <a:off x="10536554" y="2201491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07122105-E641-AA23-74CF-5423C87CA573}"/>
              </a:ext>
            </a:extLst>
          </p:cNvPr>
          <p:cNvSpPr txBox="1"/>
          <p:nvPr/>
        </p:nvSpPr>
        <p:spPr>
          <a:xfrm>
            <a:off x="5407310" y="1595307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Restarting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16A47D7-F261-43B7-70CE-86306E4F41A3}"/>
              </a:ext>
            </a:extLst>
          </p:cNvPr>
          <p:cNvSpPr txBox="1"/>
          <p:nvPr/>
        </p:nvSpPr>
        <p:spPr>
          <a:xfrm>
            <a:off x="9979496" y="1557338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Peer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825CB5F5-F569-1225-B223-7F8302A73BE9}"/>
              </a:ext>
            </a:extLst>
          </p:cNvPr>
          <p:cNvCxnSpPr>
            <a:cxnSpLocks/>
          </p:cNvCxnSpPr>
          <p:nvPr/>
        </p:nvCxnSpPr>
        <p:spPr bwMode="auto">
          <a:xfrm>
            <a:off x="5927902" y="2440259"/>
            <a:ext cx="4608652" cy="554855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2FC91D00-313D-C085-66D8-3721832C85D5}"/>
              </a:ext>
            </a:extLst>
          </p:cNvPr>
          <p:cNvSpPr txBox="1"/>
          <p:nvPr/>
        </p:nvSpPr>
        <p:spPr>
          <a:xfrm>
            <a:off x="6668949" y="220149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:</a:t>
            </a:r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3A0D6007-D9DB-E13C-275D-C61B369B2ADB}"/>
              </a:ext>
            </a:extLst>
          </p:cNvPr>
          <p:cNvCxnSpPr>
            <a:cxnSpLocks/>
          </p:cNvCxnSpPr>
          <p:nvPr/>
        </p:nvCxnSpPr>
        <p:spPr bwMode="auto">
          <a:xfrm flipH="1">
            <a:off x="8213453" y="2898708"/>
            <a:ext cx="2303148" cy="335174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accent6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9657418D-5AE4-ABD9-23D6-C119FE10635D}"/>
              </a:ext>
            </a:extLst>
          </p:cNvPr>
          <p:cNvSpPr txBox="1"/>
          <p:nvPr/>
        </p:nvSpPr>
        <p:spPr>
          <a:xfrm>
            <a:off x="6805381" y="293363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-ACK:</a:t>
            </a: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850BDDC3-F4C6-A10A-DB00-1F9BB689C471}"/>
              </a:ext>
            </a:extLst>
          </p:cNvPr>
          <p:cNvCxnSpPr>
            <a:cxnSpLocks/>
          </p:cNvCxnSpPr>
          <p:nvPr/>
        </p:nvCxnSpPr>
        <p:spPr bwMode="auto">
          <a:xfrm>
            <a:off x="5921757" y="3697772"/>
            <a:ext cx="4592358" cy="561052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5540D538-E78C-44C1-50FA-98C8A5B63DB3}"/>
              </a:ext>
            </a:extLst>
          </p:cNvPr>
          <p:cNvSpPr txBox="1"/>
          <p:nvPr/>
        </p:nvSpPr>
        <p:spPr>
          <a:xfrm>
            <a:off x="8294597" y="3563922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Echo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F4FC1EFE-E803-C69D-921D-12C8EB11D597}"/>
              </a:ext>
            </a:extLst>
          </p:cNvPr>
          <p:cNvSpPr txBox="1"/>
          <p:nvPr/>
        </p:nvSpPr>
        <p:spPr>
          <a:xfrm>
            <a:off x="6573973" y="4336710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Ack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3E286269-67FE-D490-958E-7F3571D4E78D}"/>
              </a:ext>
            </a:extLst>
          </p:cNvPr>
          <p:cNvCxnSpPr>
            <a:cxnSpLocks/>
          </p:cNvCxnSpPr>
          <p:nvPr/>
        </p:nvCxnSpPr>
        <p:spPr bwMode="auto">
          <a:xfrm flipH="1">
            <a:off x="5950342" y="4397797"/>
            <a:ext cx="4606166" cy="54559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B8293254-6383-CB5C-37B7-6B7E88872257}"/>
              </a:ext>
            </a:extLst>
          </p:cNvPr>
          <p:cNvCxnSpPr/>
          <p:nvPr/>
        </p:nvCxnSpPr>
        <p:spPr bwMode="auto">
          <a:xfrm>
            <a:off x="8213453" y="2171270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E4247698-4B8D-834D-8D4E-7566873C3DC3}"/>
              </a:ext>
            </a:extLst>
          </p:cNvPr>
          <p:cNvSpPr txBox="1"/>
          <p:nvPr/>
        </p:nvSpPr>
        <p:spPr>
          <a:xfrm>
            <a:off x="7709957" y="1595307"/>
            <a:ext cx="1050239" cy="56821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ttacker</a:t>
            </a:r>
          </a:p>
        </p:txBody>
      </p: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054BB809-264C-1242-185F-20B19A5B188E}"/>
              </a:ext>
            </a:extLst>
          </p:cNvPr>
          <p:cNvCxnSpPr/>
          <p:nvPr/>
        </p:nvCxnSpPr>
        <p:spPr bwMode="auto">
          <a:xfrm>
            <a:off x="8233639" y="2655958"/>
            <a:ext cx="2302915" cy="12668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accent6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D5FE1B00-CFF5-BE73-3E54-BAC6F6314344}"/>
              </a:ext>
            </a:extLst>
          </p:cNvPr>
          <p:cNvSpPr txBox="1"/>
          <p:nvPr/>
        </p:nvSpPr>
        <p:spPr>
          <a:xfrm>
            <a:off x="10560292" y="2325017"/>
            <a:ext cx="1528837" cy="12411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Init-ACK with state</a:t>
            </a:r>
            <a:b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Cookie with attacker</a:t>
            </a:r>
            <a:b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5-tuple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ate Cookie </a:t>
            </a:r>
            <a:b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restarting 5-tuple</a:t>
            </a: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5CF093B3-38BF-162B-4808-8E8D1A4B4E96}"/>
              </a:ext>
            </a:extLst>
          </p:cNvPr>
          <p:cNvCxnSpPr>
            <a:cxnSpLocks/>
          </p:cNvCxnSpPr>
          <p:nvPr/>
        </p:nvCxnSpPr>
        <p:spPr bwMode="auto">
          <a:xfrm flipH="1">
            <a:off x="5943737" y="3084450"/>
            <a:ext cx="4538710" cy="524813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8168BBBC-916D-CAA2-F972-B52F749D1616}"/>
              </a:ext>
            </a:extLst>
          </p:cNvPr>
          <p:cNvCxnSpPr/>
          <p:nvPr/>
        </p:nvCxnSpPr>
        <p:spPr bwMode="auto">
          <a:xfrm>
            <a:off x="8222420" y="3953849"/>
            <a:ext cx="2302915" cy="12668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accent6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2" name="TextBox 31">
            <a:extLst>
              <a:ext uri="{FF2B5EF4-FFF2-40B4-BE49-F238E27FC236}">
                <a16:creationId xmlns:a16="http://schemas.microsoft.com/office/drawing/2014/main" id="{C4F8D042-991B-F559-1ACF-880261BCEACF}"/>
              </a:ext>
            </a:extLst>
          </p:cNvPr>
          <p:cNvSpPr txBox="1"/>
          <p:nvPr/>
        </p:nvSpPr>
        <p:spPr>
          <a:xfrm>
            <a:off x="10496749" y="3870654"/>
            <a:ext cx="1215815" cy="41079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X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044CBE0E-74D8-6CA5-0A67-F748F31657FA}"/>
              </a:ext>
            </a:extLst>
          </p:cNvPr>
          <p:cNvSpPr txBox="1"/>
          <p:nvPr/>
        </p:nvSpPr>
        <p:spPr>
          <a:xfrm>
            <a:off x="10729732" y="3697772"/>
            <a:ext cx="1226916" cy="978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Reject attacker Cookie Echo due to state cookie not matching 5-tuple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B7E0E426-04AD-19FA-0ED5-AD5BAC509826}"/>
              </a:ext>
            </a:extLst>
          </p:cNvPr>
          <p:cNvSpPr txBox="1"/>
          <p:nvPr/>
        </p:nvSpPr>
        <p:spPr>
          <a:xfrm>
            <a:off x="8808064" y="4603534"/>
            <a:ext cx="1747779" cy="199587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ccept restart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s state cookie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atches 5-tupl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22C9F0-2FE5-7EB1-8F68-0E1AF72EE90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8971CB-0958-D64D-C990-B63CB05347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tart with Ericsson like proposa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44B802-8628-5E4C-FBFC-42B3B44A6BB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9426" y="1844675"/>
            <a:ext cx="4960676" cy="4392612"/>
          </a:xfrm>
        </p:spPr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Capturing State Cookie will not help as attacker lacks key context to protect Cookie Echo.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Peer Node need to be able to separate attackers with rewritten source IP/Port from restarting node’s packet. Impact on state cookie.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Address parameter per RFC 9260 rules are not allowed to be different. </a:t>
            </a:r>
          </a:p>
          <a:p>
            <a:pPr marL="730250" lvl="1" indent="-457200"/>
            <a:r>
              <a:rPr lang="en-US" dirty="0"/>
              <a:t>Port is part </a:t>
            </a:r>
            <a:r>
              <a:rPr lang="en-US"/>
              <a:t>of state cookie per 9260</a:t>
            </a:r>
            <a:endParaRPr lang="en-US" dirty="0"/>
          </a:p>
          <a:p>
            <a:pPr marL="457200" indent="-457200">
              <a:buFont typeface="+mj-lt"/>
              <a:buAutoNum type="arabicPeriod"/>
            </a:pPr>
            <a:endParaRPr lang="en-US" dirty="0"/>
          </a:p>
          <a:p>
            <a:pPr marL="457200" indent="-457200">
              <a:buFont typeface="+mj-lt"/>
              <a:buAutoNum type="arabicPeriod"/>
            </a:pPr>
            <a:endParaRPr lang="en-US" dirty="0"/>
          </a:p>
          <a:p>
            <a:pPr marL="457200" indent="-457200">
              <a:buFont typeface="+mj-lt"/>
              <a:buAutoNum type="arabicPeriod"/>
            </a:pPr>
            <a:endParaRPr lang="en-US" dirty="0"/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E7F24515-BA75-CA9F-18EB-85EEAD8B2D0C}"/>
              </a:ext>
            </a:extLst>
          </p:cNvPr>
          <p:cNvCxnSpPr/>
          <p:nvPr/>
        </p:nvCxnSpPr>
        <p:spPr bwMode="auto">
          <a:xfrm>
            <a:off x="5927902" y="2201491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59B61484-027D-1310-9F56-986F30602EA7}"/>
              </a:ext>
            </a:extLst>
          </p:cNvPr>
          <p:cNvCxnSpPr/>
          <p:nvPr/>
        </p:nvCxnSpPr>
        <p:spPr bwMode="auto">
          <a:xfrm>
            <a:off x="10536554" y="2201491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C82F88AF-3728-267E-A559-79CE36AE379F}"/>
              </a:ext>
            </a:extLst>
          </p:cNvPr>
          <p:cNvSpPr txBox="1"/>
          <p:nvPr/>
        </p:nvSpPr>
        <p:spPr>
          <a:xfrm>
            <a:off x="5407310" y="1595307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Restarting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B9E3178-2426-4A64-352C-A95825BC5AC5}"/>
              </a:ext>
            </a:extLst>
          </p:cNvPr>
          <p:cNvSpPr txBox="1"/>
          <p:nvPr/>
        </p:nvSpPr>
        <p:spPr>
          <a:xfrm>
            <a:off x="9979496" y="1557338"/>
            <a:ext cx="1261639" cy="60618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Peer node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08F43B59-00F5-5547-9B8D-F3001AC54721}"/>
              </a:ext>
            </a:extLst>
          </p:cNvPr>
          <p:cNvCxnSpPr>
            <a:cxnSpLocks/>
          </p:cNvCxnSpPr>
          <p:nvPr/>
        </p:nvCxnSpPr>
        <p:spPr bwMode="auto">
          <a:xfrm>
            <a:off x="5927902" y="2440259"/>
            <a:ext cx="4608652" cy="554855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57EE2416-F8F1-1E5C-14B6-41C4B944407E}"/>
              </a:ext>
            </a:extLst>
          </p:cNvPr>
          <p:cNvSpPr txBox="1"/>
          <p:nvPr/>
        </p:nvSpPr>
        <p:spPr>
          <a:xfrm>
            <a:off x="6668949" y="220149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:</a:t>
            </a:r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E43B420B-0915-AB38-B973-34F2E3DDECC5}"/>
              </a:ext>
            </a:extLst>
          </p:cNvPr>
          <p:cNvCxnSpPr>
            <a:cxnSpLocks/>
          </p:cNvCxnSpPr>
          <p:nvPr/>
        </p:nvCxnSpPr>
        <p:spPr bwMode="auto">
          <a:xfrm flipH="1">
            <a:off x="8213453" y="2898708"/>
            <a:ext cx="2303148" cy="335174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accent6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8140BD7C-7C6F-CD51-059F-D2DD5D014A11}"/>
              </a:ext>
            </a:extLst>
          </p:cNvPr>
          <p:cNvSpPr txBox="1"/>
          <p:nvPr/>
        </p:nvSpPr>
        <p:spPr>
          <a:xfrm>
            <a:off x="6805381" y="293363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it-ACK:</a:t>
            </a: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72F1F74F-C498-F4EE-D6B6-259FD0C398FE}"/>
              </a:ext>
            </a:extLst>
          </p:cNvPr>
          <p:cNvCxnSpPr>
            <a:cxnSpLocks/>
          </p:cNvCxnSpPr>
          <p:nvPr/>
        </p:nvCxnSpPr>
        <p:spPr bwMode="auto">
          <a:xfrm>
            <a:off x="5921757" y="3697772"/>
            <a:ext cx="4592358" cy="561052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07241AD8-BDEA-B00E-42B3-638B0BDE176D}"/>
              </a:ext>
            </a:extLst>
          </p:cNvPr>
          <p:cNvSpPr txBox="1"/>
          <p:nvPr/>
        </p:nvSpPr>
        <p:spPr>
          <a:xfrm>
            <a:off x="8294597" y="3563922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Echo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81108232-FCA3-B8CC-E38A-717B6CFE134E}"/>
              </a:ext>
            </a:extLst>
          </p:cNvPr>
          <p:cNvSpPr txBox="1"/>
          <p:nvPr/>
        </p:nvSpPr>
        <p:spPr>
          <a:xfrm>
            <a:off x="6573973" y="4336710"/>
            <a:ext cx="1481559" cy="588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okie Ack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745A1587-68BD-9830-F970-9AF7133542B2}"/>
              </a:ext>
            </a:extLst>
          </p:cNvPr>
          <p:cNvCxnSpPr>
            <a:cxnSpLocks/>
          </p:cNvCxnSpPr>
          <p:nvPr/>
        </p:nvCxnSpPr>
        <p:spPr bwMode="auto">
          <a:xfrm flipH="1">
            <a:off x="5950342" y="4397797"/>
            <a:ext cx="4606166" cy="54559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CE115790-4B24-ED54-EDEF-F76CA674204E}"/>
              </a:ext>
            </a:extLst>
          </p:cNvPr>
          <p:cNvCxnSpPr/>
          <p:nvPr/>
        </p:nvCxnSpPr>
        <p:spPr bwMode="auto">
          <a:xfrm>
            <a:off x="8213453" y="2171270"/>
            <a:ext cx="0" cy="4392612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D7F7A666-24E5-86DF-2F52-1A7F8EAD5C60}"/>
              </a:ext>
            </a:extLst>
          </p:cNvPr>
          <p:cNvSpPr txBox="1"/>
          <p:nvPr/>
        </p:nvSpPr>
        <p:spPr>
          <a:xfrm>
            <a:off x="7709957" y="1595307"/>
            <a:ext cx="1050239" cy="56821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ttacker</a:t>
            </a:r>
          </a:p>
        </p:txBody>
      </p: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8B63419C-E33D-604B-52E3-5170C5D537F6}"/>
              </a:ext>
            </a:extLst>
          </p:cNvPr>
          <p:cNvCxnSpPr/>
          <p:nvPr/>
        </p:nvCxnSpPr>
        <p:spPr bwMode="auto">
          <a:xfrm>
            <a:off x="8233639" y="2655958"/>
            <a:ext cx="2302915" cy="12668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accent6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AE542F84-048D-9567-3948-FB72AAE907C7}"/>
              </a:ext>
            </a:extLst>
          </p:cNvPr>
          <p:cNvSpPr txBox="1"/>
          <p:nvPr/>
        </p:nvSpPr>
        <p:spPr>
          <a:xfrm>
            <a:off x="10560292" y="2325017"/>
            <a:ext cx="1528837" cy="12411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Init-ACK with state</a:t>
            </a:r>
            <a:b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Cookie with attacker</a:t>
            </a:r>
            <a:b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14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5-tuple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ate Cookie </a:t>
            </a:r>
            <a:b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restarting 5-tuple</a:t>
            </a: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BC6BB4DC-1CB6-1FBE-0F7D-9DD8501FF574}"/>
              </a:ext>
            </a:extLst>
          </p:cNvPr>
          <p:cNvCxnSpPr>
            <a:cxnSpLocks/>
          </p:cNvCxnSpPr>
          <p:nvPr/>
        </p:nvCxnSpPr>
        <p:spPr bwMode="auto">
          <a:xfrm flipH="1">
            <a:off x="5943737" y="3084450"/>
            <a:ext cx="4538710" cy="524813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81C92FEF-8B46-23F0-EA1F-F2BC04FC84C2}"/>
              </a:ext>
            </a:extLst>
          </p:cNvPr>
          <p:cNvCxnSpPr/>
          <p:nvPr/>
        </p:nvCxnSpPr>
        <p:spPr bwMode="auto">
          <a:xfrm>
            <a:off x="8222420" y="3953849"/>
            <a:ext cx="2302915" cy="126686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accent6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2" name="TextBox 31">
            <a:extLst>
              <a:ext uri="{FF2B5EF4-FFF2-40B4-BE49-F238E27FC236}">
                <a16:creationId xmlns:a16="http://schemas.microsoft.com/office/drawing/2014/main" id="{70B7167B-A17F-A6C4-F157-E237E15AADB3}"/>
              </a:ext>
            </a:extLst>
          </p:cNvPr>
          <p:cNvSpPr txBox="1"/>
          <p:nvPr/>
        </p:nvSpPr>
        <p:spPr>
          <a:xfrm>
            <a:off x="10496749" y="3870654"/>
            <a:ext cx="1215815" cy="41079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X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F38A4489-2E29-60A7-BC9C-BFF440F36CE3}"/>
              </a:ext>
            </a:extLst>
          </p:cNvPr>
          <p:cNvSpPr txBox="1"/>
          <p:nvPr/>
        </p:nvSpPr>
        <p:spPr>
          <a:xfrm>
            <a:off x="10729732" y="3697772"/>
            <a:ext cx="1226916" cy="978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Reject attacker Cookie Echo due to state cookie not matching 5-tuple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54332B6-0AFC-23EB-C13B-005A4CDBA7C4}"/>
              </a:ext>
            </a:extLst>
          </p:cNvPr>
          <p:cNvSpPr txBox="1"/>
          <p:nvPr/>
        </p:nvSpPr>
        <p:spPr>
          <a:xfrm>
            <a:off x="8808064" y="4603534"/>
            <a:ext cx="1747779" cy="199587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ccept restart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s state cookie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atches 5-tuple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3DEF613-B174-EAF2-B4F8-47513C406ACD}"/>
              </a:ext>
            </a:extLst>
          </p:cNvPr>
          <p:cNvSpPr txBox="1"/>
          <p:nvPr/>
        </p:nvSpPr>
        <p:spPr>
          <a:xfrm>
            <a:off x="8235893" y="2854040"/>
            <a:ext cx="465599" cy="66521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C71F6DC-28E6-8121-485D-9B18872D9535}"/>
              </a:ext>
            </a:extLst>
          </p:cNvPr>
          <p:cNvSpPr txBox="1"/>
          <p:nvPr/>
        </p:nvSpPr>
        <p:spPr>
          <a:xfrm>
            <a:off x="10175944" y="3602040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2.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C485F75-23E1-E4D1-767A-4D848F6E49B1}"/>
              </a:ext>
            </a:extLst>
          </p:cNvPr>
          <p:cNvSpPr txBox="1"/>
          <p:nvPr/>
        </p:nvSpPr>
        <p:spPr>
          <a:xfrm>
            <a:off x="6284403" y="2123322"/>
            <a:ext cx="596948" cy="99256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3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9742020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25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spcBef>
            <a:spcPts val="800"/>
          </a:spcBef>
          <a:defRPr dirty="0" err="1" smtClean="0"/>
        </a:defPPr>
      </a:lstStyle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R="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tabLst/>
          <a:defRPr kumimoji="0" sz="2000" b="0" i="0" u="none" strike="noStrike" kern="1000" cap="none" spc="-30" normalizeH="0" baseline="0" noProof="0" dirty="0" err="1">
            <a:ln>
              <a:noFill/>
            </a:ln>
            <a:solidFill>
              <a:schemeClr val="tx1"/>
            </a:solidFill>
            <a:effectLst/>
            <a:uLnTx/>
            <a:uFillTx/>
            <a:latin typeface="+mn-lt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8780731662370544","enableDocumentContentUpdater":true,"version":"1.9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8780731662370544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8780731662370545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8780731662370545","enableDocumentContentUpdater":true,"version":"1.9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8780731662370545","enableDocumentContentUpdater":true,"version":"1.9"}]]></TemplafySlideTemplateConfiguration>
</file>

<file path=customXml/item2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dataSource":"PPT FooterVisibility","displayColumn":"showDocNo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No","label":"Show document number in footer?","fullyQualifiedName":"Doc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(Overwritten with EriDoc values at check-in)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vxonbfieAt2EqBd9cf//2XIo/e7JezwEmNIMy44XNyBcPz8pKI3cszR/NQxLPkC0"},{"name":"ConfidentialityClass","value":"cT/FOwTWaPknrhRlNMh4SQ=="},{"name":"LanguageCode","value":"5wlu7ZdPxHQj1W0w+yTNSg=="},{"name":"Date","value":"7yBUXVTAlYceWPEvS11TNQ=="},{"name":"TemplateType","value":"5wlu7ZdPxHQj1W0w+yTNSg=="},{"name":"DocTitle","value":"5wlu7ZdPxHQj1W0w+yTNSg=="},{"name":"TotalPageNo","value":"5wlu7ZdPxHQj1W0w+yTNSg=="},{"name":"DocNo","value":"5wlu7ZdPxHQj1W0w+yTNSg=="},{"name":"Prepared","value":"fdJUhNIjdwPGv3mvNZlQT4ASrQGRpusVL7uBTgJlxbo="}]}]]></Templafy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8780731662526815","enableDocumentContentUpdater":true,"version":"1.9"}]]></TemplafySlideTemplateConfiguration>
</file>

<file path=customXml/item21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,{"propertyName":"DocNoVisible","propertyValue":"{{Form.DocNo.ShowDocNo}}","disableUpdates":false,"type":"customDocumentProperty"}],"templateName":"","templateDescription":"","enableDocumentContentUpdater":true,"version":"1.9"}]]></TemplafyTemplate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8780731662214300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822D38AD-8010-4CD3-BD6B-117CB8DF70A4}">
  <ds:schemaRefs/>
</ds:datastoreItem>
</file>

<file path=customXml/itemProps11.xml><?xml version="1.0" encoding="utf-8"?>
<ds:datastoreItem xmlns:ds="http://schemas.openxmlformats.org/officeDocument/2006/customXml" ds:itemID="{683FEB75-8CFA-449C-A6B1-B1E4A86A58A1}">
  <ds:schemaRefs/>
</ds:datastoreItem>
</file>

<file path=customXml/itemProps12.xml><?xml version="1.0" encoding="utf-8"?>
<ds:datastoreItem xmlns:ds="http://schemas.openxmlformats.org/officeDocument/2006/customXml" ds:itemID="{0D982158-709E-3842-8942-ACC8134BFD5A}">
  <ds:schemaRefs/>
</ds:datastoreItem>
</file>

<file path=customXml/itemProps13.xml><?xml version="1.0" encoding="utf-8"?>
<ds:datastoreItem xmlns:ds="http://schemas.openxmlformats.org/officeDocument/2006/customXml" ds:itemID="{C5606560-A0DD-5844-9E22-62EA9A9AB65E}">
  <ds:schemaRefs/>
</ds:datastoreItem>
</file>

<file path=customXml/itemProps14.xml><?xml version="1.0" encoding="utf-8"?>
<ds:datastoreItem xmlns:ds="http://schemas.openxmlformats.org/officeDocument/2006/customXml" ds:itemID="{679310A4-AF99-3C46-8DFB-9EF7F4DF7CBD}">
  <ds:schemaRefs/>
</ds:datastoreItem>
</file>

<file path=customXml/itemProps15.xml><?xml version="1.0" encoding="utf-8"?>
<ds:datastoreItem xmlns:ds="http://schemas.openxmlformats.org/officeDocument/2006/customXml" ds:itemID="{57322136-2C6D-7E48-9107-0AE894E9B9A9}">
  <ds:schemaRefs/>
</ds:datastoreItem>
</file>

<file path=customXml/itemProps16.xml><?xml version="1.0" encoding="utf-8"?>
<ds:datastoreItem xmlns:ds="http://schemas.openxmlformats.org/officeDocument/2006/customXml" ds:itemID="{847502A6-7CBE-43AF-BDF6-4D4423521D8C}">
  <ds:schemaRefs/>
</ds:datastoreItem>
</file>

<file path=customXml/itemProps17.xml><?xml version="1.0" encoding="utf-8"?>
<ds:datastoreItem xmlns:ds="http://schemas.openxmlformats.org/officeDocument/2006/customXml" ds:itemID="{03AF3FDC-ACD1-46F3-A43E-782322DF9816}">
  <ds:schemaRefs/>
</ds:datastoreItem>
</file>

<file path=customXml/itemProps18.xml><?xml version="1.0" encoding="utf-8"?>
<ds:datastoreItem xmlns:ds="http://schemas.openxmlformats.org/officeDocument/2006/customXml" ds:itemID="{72AB87FF-C12E-3F45-B09D-405D873897F7}">
  <ds:schemaRefs/>
</ds:datastoreItem>
</file>

<file path=customXml/itemProps19.xml><?xml version="1.0" encoding="utf-8"?>
<ds:datastoreItem xmlns:ds="http://schemas.openxmlformats.org/officeDocument/2006/customXml" ds:itemID="{DF01FC39-DBA6-6F4D-AA33-1D31C8045945}">
  <ds:schemaRefs/>
</ds:datastoreItem>
</file>

<file path=customXml/itemProps2.xml><?xml version="1.0" encoding="utf-8"?>
<ds:datastoreItem xmlns:ds="http://schemas.openxmlformats.org/officeDocument/2006/customXml" ds:itemID="{D92C3DF5-A179-4E2D-BD20-07044B39171F}">
  <ds:schemaRefs/>
</ds:datastoreItem>
</file>

<file path=customXml/itemProps20.xml><?xml version="1.0" encoding="utf-8"?>
<ds:datastoreItem xmlns:ds="http://schemas.openxmlformats.org/officeDocument/2006/customXml" ds:itemID="{1CE36EA9-2186-4EB1-871A-8AE59C2A13BB}">
  <ds:schemaRefs/>
</ds:datastoreItem>
</file>

<file path=customXml/itemProps21.xml><?xml version="1.0" encoding="utf-8"?>
<ds:datastoreItem xmlns:ds="http://schemas.openxmlformats.org/officeDocument/2006/customXml" ds:itemID="{58CC0B31-82B9-497A-9A2E-F3F72D0BBDAD}">
  <ds:schemaRefs/>
</ds:datastoreItem>
</file>

<file path=customXml/itemProps3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7958A4E-FAB1-42E4-B6B5-29B01F63F87B}">
  <ds:schemaRefs/>
</ds:datastoreItem>
</file>

<file path=customXml/itemProps5.xml><?xml version="1.0" encoding="utf-8"?>
<ds:datastoreItem xmlns:ds="http://schemas.openxmlformats.org/officeDocument/2006/customXml" ds:itemID="{C09F197C-6A49-47D0-B877-F88807989676}">
  <ds:schemaRefs/>
</ds:datastoreItem>
</file>

<file path=customXml/itemProps6.xml><?xml version="1.0" encoding="utf-8"?>
<ds:datastoreItem xmlns:ds="http://schemas.openxmlformats.org/officeDocument/2006/customXml" ds:itemID="{56F2EE69-0CCA-4F48-BE22-EC4A886C57A7}">
  <ds:schemaRefs>
    <ds:schemaRef ds:uri="a6550eff-0fc9-443f-8e77-72cbcf778382"/>
    <ds:schemaRef ds:uri="http://purl.org/dc/terms/"/>
    <ds:schemaRef ds:uri="http://purl.org/dc/elements/1.1/"/>
    <ds:schemaRef ds:uri="92e1255f-bb7b-4dc9-b051-584cc104eb44"/>
    <ds:schemaRef ds:uri="http://schemas.microsoft.com/office/2006/metadata/properties"/>
    <ds:schemaRef ds:uri="http://purl.org/dc/dcmitype/"/>
    <ds:schemaRef ds:uri="http://schemas.microsoft.com/office/2006/documentManagement/types"/>
    <ds:schemaRef ds:uri="http://schemas.openxmlformats.org/package/2006/metadata/core-properties"/>
    <ds:schemaRef ds:uri="http://schemas.microsoft.com/office/infopath/2007/PartnerControls"/>
    <ds:schemaRef ds:uri="http://www.w3.org/XML/1998/namespace"/>
  </ds:schemaRefs>
</ds:datastoreItem>
</file>

<file path=customXml/itemProps7.xml><?xml version="1.0" encoding="utf-8"?>
<ds:datastoreItem xmlns:ds="http://schemas.openxmlformats.org/officeDocument/2006/customXml" ds:itemID="{B9AEDDE3-EA02-4A8F-B8F8-0606A0AA45FC}">
  <ds:schemaRefs/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72516535-7702-46AF-9B1F-8623A67A824E}">
  <ds:schemaRefs/>
</ds:datastoreItem>
</file>

<file path=docMetadata/LabelInfo.xml><?xml version="1.0" encoding="utf-8"?>
<clbl:labelList xmlns:clbl="http://schemas.microsoft.com/office/2020/mipLabelMetadata">
  <clbl:label id="{92e84ceb-fbfd-47ab-be52-080c6b87953f}" enabled="0" method="" siteId="{92e84ceb-fbfd-47ab-be52-080c6b87953f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25</Template>
  <TotalTime>310</TotalTime>
  <Words>583</Words>
  <Application>Microsoft Macintosh PowerPoint</Application>
  <PresentationFormat>Widescreen</PresentationFormat>
  <Paragraphs>109</Paragraphs>
  <Slides>8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5" baseType="lpstr">
      <vt:lpstr>Ericsson Hilda</vt:lpstr>
      <vt:lpstr>Ericsson Technical Icons</vt:lpstr>
      <vt:lpstr>Ericsson Hilda Light</vt:lpstr>
      <vt:lpstr>Ericsson Hilda ExtraBold</vt:lpstr>
      <vt:lpstr>Ericsson Hilda ExtraLight</vt:lpstr>
      <vt:lpstr>Arial</vt:lpstr>
      <vt:lpstr>PresentationTemplate2025</vt:lpstr>
      <vt:lpstr>Discussion of Restart</vt:lpstr>
      <vt:lpstr>Token based restart</vt:lpstr>
      <vt:lpstr>Token based restart shortcomings</vt:lpstr>
      <vt:lpstr>Restart with Ericsson like proposal</vt:lpstr>
      <vt:lpstr>Ericsson Restart when integrated with updated DTLS Chunk </vt:lpstr>
      <vt:lpstr>Restart with Ericsson like proposal</vt:lpstr>
      <vt:lpstr>Restart with Ericsson like proposal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Magnus Westerlund</dc:creator>
  <cp:keywords/>
  <dc:description> 
Rev </dc:description>
  <cp:lastModifiedBy>Magnus Westerlund</cp:lastModifiedBy>
  <cp:revision>1</cp:revision>
  <dcterms:created xsi:type="dcterms:W3CDTF">2025-05-20T09:09:11Z</dcterms:created>
  <dcterms:modified xsi:type="dcterms:W3CDTF">2025-05-20T14:19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5-03-20T13:12:46.0714942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4383272115200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/>
  </property>
  <property fmtid="{D5CDD505-2E9C-101B-9397-08002B2CF9AE}" pid="16" name="Prepared">
    <vt:lpwstr>ERAMSWD Magnus Westerlund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5-05-20</vt:lpwstr>
  </property>
  <property fmtid="{D5CDD505-2E9C-101B-9397-08002B2CF9AE}" pid="21" name="Reference">
    <vt:lpwstr/>
  </property>
  <property fmtid="{D5CDD505-2E9C-101B-9397-08002B2CF9AE}" pid="22" name="Title">
    <vt:lpwstr>DTLS Design Team discussion of Restar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DocNoVisible">
    <vt:lpwstr>true</vt:lpwstr>
  </property>
</Properties>
</file>